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Default Extension="vml" ContentType="application/vnd.openxmlformats-officedocument.vmlDrawing"/>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trlProps/ctrlProp1.xml" ContentType="application/vnd.ms-excel.controlproperties+xml"/>
  <Override PartName="/xl/ctrlProps/ctrlProp2.xml" ContentType="application/vnd.ms-excel.controlproperties+xml"/>
  <Override PartName="/xl/ctrlProps/ctrlProp3.xml" ContentType="application/vnd.ms-excel.controlproperties+xml"/>
  <Override PartName="/xl/ctrlProps/ctrlProp4.xml" ContentType="application/vnd.ms-excel.controlpropertie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mc:AlternateContent xmlns:mc="http://schemas.openxmlformats.org/markup-compatibility/2006">
    <mc:Choice Requires="x15">
      <x15ac:absPath xmlns:x15ac="http://schemas.microsoft.com/office/spreadsheetml/2010/11/ac" url="\\s04\VO_DOC\01. Súťaže\2022\02. Oddelenie VO\01. Prebiehajúce zákazky\06. Renátka\565_2021 Prenájom veľkokapacitných multifunkčných zariadení\02. Príprava 565\04. PTK 565\01. Odoslanie PTK\"/>
    </mc:Choice>
  </mc:AlternateContent>
  <bookViews>
    <workbookView xWindow="0" yWindow="0" windowWidth="23040" windowHeight="9195"/>
  </bookViews>
  <sheets>
    <sheet name="Cenová ponuka" sheetId="8" r:id="rId1"/>
  </sheets>
  <definedNames>
    <definedName name="_xlnm.Print_Area" localSheetId="0">'Cenová ponuka'!$B$1:$F$207</definedName>
  </definedNames>
  <calcPr calcId="152511"/>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353" uniqueCount="299">
  <si>
    <t>Položka č. 1</t>
  </si>
  <si>
    <t>Bežná dostupnosť</t>
  </si>
  <si>
    <t>Nie bežná dostupnosť</t>
  </si>
  <si>
    <t>1. VŠEOBECNÁ ŠPECIFIKÁCIA PREDMETU ZÁKAZKY</t>
  </si>
  <si>
    <t>3.1 Rozdelenie predmetu zákazky</t>
  </si>
  <si>
    <t xml:space="preserve">akceptujem / neakceptujem </t>
  </si>
  <si>
    <t>Požaduje sa:</t>
  </si>
  <si>
    <t>1.1 Názov predmetu zákazky:</t>
  </si>
  <si>
    <t>1.2 CPV:</t>
  </si>
  <si>
    <t>1.3 Druh:</t>
  </si>
  <si>
    <t>MJ</t>
  </si>
  <si>
    <t>Názov položky predmetu zákazky</t>
  </si>
  <si>
    <t xml:space="preserve">Požadovaný počet MJ za zmluvné obdobie </t>
  </si>
  <si>
    <t>7. PRÍLOHY</t>
  </si>
  <si>
    <t>1.</t>
  </si>
  <si>
    <t>Príloha č. 1</t>
  </si>
  <si>
    <t xml:space="preserve">3.1.a)  Rozdelenie na časti: </t>
  </si>
  <si>
    <t>3.1.b)  Zoznam položiek:</t>
  </si>
  <si>
    <t>Poradové číslo</t>
  </si>
  <si>
    <t>3.2 Dostupnosť na trhu:</t>
  </si>
  <si>
    <t>Áno</t>
  </si>
  <si>
    <t>Nie</t>
  </si>
  <si>
    <t>2.  FUNKČNÁ ŠPECIFIKÁCIA PREDMETU ZÁKAZKY</t>
  </si>
  <si>
    <t>3.  ROZDELENIE a DOSTUPNOSŤ PREDMETU ZÁKAZKY</t>
  </si>
  <si>
    <t>4. TECHNICKÁ ŠPECIFIKÁCIA PREDMETU ZÁKAZKY</t>
  </si>
  <si>
    <r>
      <t xml:space="preserve">Uchádzač uvedie informácie, či ním ponúkaný produkt spĺňa, resp. nespĺňa verejným obstarávateľom definované požiadavky na predmet zákazky 
</t>
    </r>
    <r>
      <rPr>
        <sz val="10"/>
        <color theme="1"/>
        <rFont val="Arial"/>
        <family val="2"/>
        <charset val="238"/>
      </rPr>
      <t>(v prípade, ak ponúkaný produkt nespĺňa definované požiadavky uvedie ekvivalentnú hodnotu ním ponúkaného produktu)</t>
    </r>
  </si>
  <si>
    <t xml:space="preserve">spĺňa / nespĺňa </t>
  </si>
  <si>
    <t>hodnota ponúkaného ekvivalentného produktu</t>
  </si>
  <si>
    <r>
      <t xml:space="preserve">Uchádzač uvedie informáciu, či akceptuje resp. neakceptuje verejným obstarávateľom definované zmluvné požiadavky na predmet zákazky
</t>
    </r>
    <r>
      <rPr>
        <sz val="10"/>
        <color theme="1"/>
        <rFont val="Arial"/>
        <family val="2"/>
        <charset val="238"/>
      </rPr>
      <t>(v prípade neakceptovania príslušnej požiadavky uvedie dôvod a ním navrhovanú úpravu)</t>
    </r>
  </si>
  <si>
    <t>dôvod neakceptovania požiadavky a návrh jej úpravy</t>
  </si>
  <si>
    <t>Kontaktná osoba predkladateľa PTK pre účely overenia si informácií týkajúcich sa technických parametrov ponúkaného produktu:</t>
  </si>
  <si>
    <t>Meno a priezvisko:</t>
  </si>
  <si>
    <t>Pracovná pozícia:</t>
  </si>
  <si>
    <t>Telefónne číslo:</t>
  </si>
  <si>
    <t>E-mail:</t>
  </si>
  <si>
    <t>PREHLÁSENIE</t>
  </si>
  <si>
    <t>V:</t>
  </si>
  <si>
    <t>podpis:</t>
  </si>
  <si>
    <t>Dňa:</t>
  </si>
  <si>
    <t>meno:</t>
  </si>
  <si>
    <t>pracovná pozícia:</t>
  </si>
  <si>
    <t>pečiatka:</t>
  </si>
  <si>
    <t>V súlade s § 25 zákona č. 343/2015 o verejnom obstarávaní za účelom stanovenia požiadaviek (transparentných) na predmet zákazky a predpokladanej hodnoty zákazky.</t>
  </si>
  <si>
    <t>5. MINIMÁLNE OSOBITNÉ ZMLUVNÉ POŽIADAVKY NA PREDMET ZÁKAZKY</t>
  </si>
  <si>
    <t>Účel prípravnej trhovej konzultácie</t>
  </si>
  <si>
    <t>Sídlo:</t>
  </si>
  <si>
    <t>Týmto prehlasujem, že v PTK nami uvedený/é tovar/y v plnom rozsahu spĺňajú funkčnú špecifikáciu (t.j. účel použitia) predmetu zákazky. Zároveň prehlasujem, že v prípade, ak verejný obstarávateľ vyhlási zákazku na uvedený predmet zákazky v súlade s nami ponúkanými hodnotami uvedeného/ných tovaru/ov nie sú nám známe žiadne okolnosti, ktoré by nám bránili v účasti v predmetnej zákazky.</t>
  </si>
  <si>
    <t>Dodávateľ:</t>
  </si>
  <si>
    <t>V súlade s § 25 zákona o VO za účelom prijatia primeraných opatrení, aby sa účasťou záujemcov, uchádzačov alebo hospodárskych subjektov v príslušnej prípravnej trhovej konzultácií nenarušila hospodárska súťaž, poskytne verejný obstarávateľ všetky informácie súvisiace s prípravnou trhovou konzultáciou, vrátane informácií, ktoré z účasti  záujemcov, uchádzačov alebo hospodárskych subjektov so vzťahom k záujemcovi alebo uchádzačovi vyplynuli každému, kto o to požiada.</t>
  </si>
  <si>
    <t xml:space="preserve">6. MINIMÁLNE OSOBITNÉ POŽIADAVKY NA PREDMET ZÁKAZKY A DOKLADY </t>
  </si>
  <si>
    <t xml:space="preserve">Požadované minimálne osobitné požiadavky na predmet zákazky a doklady:
</t>
  </si>
  <si>
    <r>
      <t xml:space="preserve">Uchádzač uvedie informácie, či akceptuje resp. neakceptuje verejným obstarávateľom definované minimálne osobitné požiadavky na predmet zákazky a doklady 
</t>
    </r>
    <r>
      <rPr>
        <sz val="10"/>
        <color theme="1"/>
        <rFont val="Arial"/>
        <family val="2"/>
        <charset val="238"/>
      </rPr>
      <t>(v prípade neakceptovania príslušnej požiadavky uvedie dôvod a ním navrhovanú úpravu)</t>
    </r>
  </si>
  <si>
    <t>xxx</t>
  </si>
  <si>
    <t xml:space="preserve">2. </t>
  </si>
  <si>
    <t xml:space="preserve">4. </t>
  </si>
  <si>
    <t>5.</t>
  </si>
  <si>
    <t>3.</t>
  </si>
  <si>
    <t>6.</t>
  </si>
  <si>
    <t>7.</t>
  </si>
  <si>
    <t>8.</t>
  </si>
  <si>
    <t>2.1</t>
  </si>
  <si>
    <t>2</t>
  </si>
  <si>
    <t>1.1</t>
  </si>
  <si>
    <t>1.2</t>
  </si>
  <si>
    <t>1.3</t>
  </si>
  <si>
    <t>1.4</t>
  </si>
  <si>
    <t>1.5</t>
  </si>
  <si>
    <t>1.6</t>
  </si>
  <si>
    <t>2.2</t>
  </si>
  <si>
    <t>2.3</t>
  </si>
  <si>
    <t>2.4</t>
  </si>
  <si>
    <t>2.5</t>
  </si>
  <si>
    <t>2.6</t>
  </si>
  <si>
    <t>2.7</t>
  </si>
  <si>
    <t>2.8</t>
  </si>
  <si>
    <t>3.1</t>
  </si>
  <si>
    <t>3.2</t>
  </si>
  <si>
    <t>3.3</t>
  </si>
  <si>
    <t>3.4</t>
  </si>
  <si>
    <t>3.5</t>
  </si>
  <si>
    <t>3.6</t>
  </si>
  <si>
    <t>4.1</t>
  </si>
  <si>
    <t>4.2</t>
  </si>
  <si>
    <t>4.3</t>
  </si>
  <si>
    <t>4.4</t>
  </si>
  <si>
    <t>4.5</t>
  </si>
  <si>
    <t>služba</t>
  </si>
  <si>
    <t>Kalkulácia ceny a návrh na plnenie kritéria na vyhodnotenie ponúk - Štruktúrovaný rozpočet ceny predmetu zákazky</t>
  </si>
  <si>
    <t>79820000-8 - Služby súvisiace s tlačou</t>
  </si>
  <si>
    <t>60000000-8 - Dopravné služby (bez prepravy odpadu)</t>
  </si>
  <si>
    <t>Prenájom veľkokapacitných multifunkčných zariadení</t>
  </si>
  <si>
    <t>Prenájom nových nepoužívaných  farebných laserových multifunkčných zariadení A4/A3 s funkciou: čiernobiela a farebná tlač, kopírovanie, skenovanie a distribúcia skenovaných dokumentov do priečinkov vrátane poskytovania  údržby a servisných služieb k zariadeniam a zabezpečovanie dodávok spotrebného materiálu (okrem papiera) po dobu trvania zmluvného vzťahu, ktorá je  v rozsahu 48 mesiacov.</t>
  </si>
  <si>
    <t>ks</t>
  </si>
  <si>
    <t>Položka č. 2</t>
  </si>
  <si>
    <t>Multifunkčné zariadenie - Riaditeľstvo</t>
  </si>
  <si>
    <t>Multifunkčné zariadenie - Podateľňa a VO</t>
  </si>
  <si>
    <t>Položka č. 1 - Multifunkčné zariadenie - Riaditeľstvo</t>
  </si>
  <si>
    <r>
      <t xml:space="preserve">Multifunkčné zariadenie typ A </t>
    </r>
    <r>
      <rPr>
        <sz val="10"/>
        <rFont val="Arial"/>
        <family val="2"/>
        <charset val="238"/>
      </rPr>
      <t>(rýchlosť min. 50 strán A4/min)</t>
    </r>
  </si>
  <si>
    <t>Formát spracovateľných dokumentov: A6R - SRA3</t>
  </si>
  <si>
    <t xml:space="preserve">Funkcie: farebná tlačiareň, skener, kopírka </t>
  </si>
  <si>
    <t xml:space="preserve">Originálne (nové) zariadenie, nepoužívané (zariadenie nesmie byť repasované) </t>
  </si>
  <si>
    <t>Rozhrania: 10/100/1000 Base-T Ethernet, USB 2.0</t>
  </si>
  <si>
    <t>Doba zahrievania: do 18 sekúnd</t>
  </si>
  <si>
    <t xml:space="preserve">Pamäť:  min. 4 GB štandardne </t>
  </si>
  <si>
    <t>1.7</t>
  </si>
  <si>
    <t>Pevný disk: 8GB SSD + 320 GB HDD</t>
  </si>
  <si>
    <t>1.8</t>
  </si>
  <si>
    <t>Podpora OS: MS Windows 7, 8.1; MS Windows 10 a vyšší</t>
  </si>
  <si>
    <t>1.9</t>
  </si>
  <si>
    <t>Odomykanie zariadenia: kódom, heslom, RFID kartou (čipom)</t>
  </si>
  <si>
    <t>1.10</t>
  </si>
  <si>
    <t>Čítačka RFID kariet (čipov): min 1ks integrovaná do tela zariadenia</t>
  </si>
  <si>
    <t>1.11</t>
  </si>
  <si>
    <t>Podstavec: podstavec od výrobcu zariadenia na koleskach, s dvierkami a odkladacím priestorom</t>
  </si>
  <si>
    <t>1.12</t>
  </si>
  <si>
    <t>Obstarávateľom stanovený predpoklad rozsahu využitia prenajatých zariadení  typ A:</t>
  </si>
  <si>
    <t>1.12.1</t>
  </si>
  <si>
    <t>1.12.2</t>
  </si>
  <si>
    <t>1.12.3</t>
  </si>
  <si>
    <t>1.12.4</t>
  </si>
  <si>
    <t>1.13</t>
  </si>
  <si>
    <t>Funkcie TLAČ a KOPÍROVANIE</t>
  </si>
  <si>
    <t>1.13.1</t>
  </si>
  <si>
    <t>Spôsob tlače a kopírovania: laser</t>
  </si>
  <si>
    <t>1.13.2</t>
  </si>
  <si>
    <t>Funkcie tlače: priama tlač, tlač čakajúca na výzvu užívateľa  ( follow me print )</t>
  </si>
  <si>
    <t>1.13.3</t>
  </si>
  <si>
    <t xml:space="preserve">Kvalita tlače: min. 1200 x 1200 dpi </t>
  </si>
  <si>
    <t>1.13.4</t>
  </si>
  <si>
    <t>Kvalita kopírovania: min. 600 x 600 dpi</t>
  </si>
  <si>
    <t>1.13.5</t>
  </si>
  <si>
    <t>Obojstranná tlač: áno</t>
  </si>
  <si>
    <t>1.13.6</t>
  </si>
  <si>
    <t>1.13.7</t>
  </si>
  <si>
    <t>Predvoľba počtu kópií:   1 - 999</t>
  </si>
  <si>
    <t>1.13.8</t>
  </si>
  <si>
    <t xml:space="preserve">Zmenšenie/zväčšenie kópií:  25 až 400% po 1% </t>
  </si>
  <si>
    <t>1.13.9</t>
  </si>
  <si>
    <t xml:space="preserve">Gramáž papiera: minimálny rozsah 55 - 300 g/m2 </t>
  </si>
  <si>
    <t>1.13.10</t>
  </si>
  <si>
    <t>1.13.11</t>
  </si>
  <si>
    <t>1.13.12</t>
  </si>
  <si>
    <t>Tlačové jazyky: PCL 6, Postscript 3, XPS</t>
  </si>
  <si>
    <t>1.13.13</t>
  </si>
  <si>
    <t>1.13.14</t>
  </si>
  <si>
    <t>Tlač z pamäťového média: USB flash pamäťový kľúč</t>
  </si>
  <si>
    <t>1.13.15</t>
  </si>
  <si>
    <t xml:space="preserve">Čas vytlačenia prvej strany: do 5 sekúnd čiernobielo; do 6 sekúnd farebne </t>
  </si>
  <si>
    <t>1.13.16</t>
  </si>
  <si>
    <t>Rýchlosť tlače/kopírovania A4: min. 50 str./min čiernobielo aj farebne</t>
  </si>
  <si>
    <t>1.13.17</t>
  </si>
  <si>
    <t xml:space="preserve">Rýchlosť tlače/kopírovania A3: min. 24 str./min čiernobielo aj farebne </t>
  </si>
  <si>
    <t>1.13.18</t>
  </si>
  <si>
    <t>1.13.19</t>
  </si>
  <si>
    <t xml:space="preserve">Vstupná kapacita:  min. 2x vstupný zásobník - každý na min. 500 listov; ručný podávač na min. 150 listov </t>
  </si>
  <si>
    <t>1.14</t>
  </si>
  <si>
    <t>Funkcia SKENER</t>
  </si>
  <si>
    <t>1.14.1</t>
  </si>
  <si>
    <t>Farebné skenovanie: áno</t>
  </si>
  <si>
    <t>1.14.2</t>
  </si>
  <si>
    <t>1.14.3</t>
  </si>
  <si>
    <t>Max veľkosť originálu: A3</t>
  </si>
  <si>
    <t>1.14.4</t>
  </si>
  <si>
    <t>Obojstranné skenovanie: áno, pomocou jednoprechodového podávača</t>
  </si>
  <si>
    <t>1.14.5</t>
  </si>
  <si>
    <t>Manuálne skenovanie: možnosť postupného prikladania strán dokumentu až do dokončenia po poslednej odskenovanej strane</t>
  </si>
  <si>
    <t>1.14.6</t>
  </si>
  <si>
    <t>Rozlíšenie skenovania: voliteľné, min.300 dpi</t>
  </si>
  <si>
    <t>1.14.7</t>
  </si>
  <si>
    <t>1.14.8</t>
  </si>
  <si>
    <t>1.14.9</t>
  </si>
  <si>
    <t>Funkcie skenovania: skenovacie profily užívateľov, podpora LDAP, adresár s uloženými, často používanými e-mail schránkam</t>
  </si>
  <si>
    <t>Predpokladaný počet čiernobielych strán A4 za 48 mesiacov: 180 000</t>
  </si>
  <si>
    <t>Predpokladaný počet farebných strán A4 s farebným pokrytím do 2% z každej farby osobitne za 48 mesiacov: 280 000</t>
  </si>
  <si>
    <t>Predpokladaný počet farebných strán A4 s farebným pokrytím do 10% z každej farby osobitne za 48 mesiacov: 55 000</t>
  </si>
  <si>
    <t>Predpokladaný počet farebných strán A4 s farebným pokrytím nad 10% z každej farby osobitne za 48 mesiacov: 5 000</t>
  </si>
  <si>
    <t>Obojstranné kopírovanie: áno, zo skla alebo pomocou obojstranného jednoprechodového podávača</t>
  </si>
  <si>
    <t xml:space="preserve">Gramáž a rozmer papiera pre obojstrannú tlač a kopírovanie: 65 - 250 g/m2; A6R - SRA3 </t>
  </si>
  <si>
    <t xml:space="preserve">Formát papiera: A6R - SRA3, dlhý papier - dĺžka min. 1 210 mm; šírka min. 300 mm </t>
  </si>
  <si>
    <t xml:space="preserve">Podpora tlače z mobilu a tabletu: AirPrint (iOS), Mopria (Android), Direct Wi-Fi </t>
  </si>
  <si>
    <t>Podávač dokumentov: obojstranný jednoprechodový, na min. 50 hárkov; 45 - 160 g/m² simplex</t>
  </si>
  <si>
    <t>Rýchlosť skenovania pre jednostranné dokumenty: minimálne 48 strán za minútu farebne aj čiernobielo jednostranne</t>
  </si>
  <si>
    <t>Formát súboru skenovaného dokumentu: PDF, TIFF, JPEG, kompaktné PDF, šifrované PDF, XPS</t>
  </si>
  <si>
    <t>Cieľ skenovania: skenovanie do emailu, do zložky SMB, na USB pamäť, na FTP</t>
  </si>
  <si>
    <r>
      <t xml:space="preserve">Multifunkčné zariadenie typ B </t>
    </r>
    <r>
      <rPr>
        <sz val="10"/>
        <rFont val="Arial"/>
        <family val="2"/>
        <charset val="238"/>
      </rPr>
      <t>(rýchlosť min. 25 strán A4/min)</t>
    </r>
  </si>
  <si>
    <t>2.9</t>
  </si>
  <si>
    <t>2.10</t>
  </si>
  <si>
    <t>2.11</t>
  </si>
  <si>
    <t>2.12</t>
  </si>
  <si>
    <t>Obstarávateľom stanovený predpoklad rozsahu využitia prenajatých zariadení  typ B:</t>
  </si>
  <si>
    <t>2.12.1</t>
  </si>
  <si>
    <t>2.12.2</t>
  </si>
  <si>
    <t>2.12.3</t>
  </si>
  <si>
    <t>2.12.4</t>
  </si>
  <si>
    <t>2.13</t>
  </si>
  <si>
    <t>2.13.1</t>
  </si>
  <si>
    <t>2.13.2</t>
  </si>
  <si>
    <t>2.13.3</t>
  </si>
  <si>
    <t>2.13.4</t>
  </si>
  <si>
    <t>2.13.5</t>
  </si>
  <si>
    <t>2.13.6</t>
  </si>
  <si>
    <t>2.13.7</t>
  </si>
  <si>
    <t>2.13.8</t>
  </si>
  <si>
    <t>2.13.9</t>
  </si>
  <si>
    <t>2.13.10</t>
  </si>
  <si>
    <t>2.13.11</t>
  </si>
  <si>
    <t>2.13.12</t>
  </si>
  <si>
    <t>2.13.13</t>
  </si>
  <si>
    <t>2.13.14</t>
  </si>
  <si>
    <t>2.13.15</t>
  </si>
  <si>
    <t>2.13.16</t>
  </si>
  <si>
    <t>Rýchlosť tlače/kopírovania A4: min. 25 str./min čiernobielo aj farebne</t>
  </si>
  <si>
    <t>2.13.17</t>
  </si>
  <si>
    <t xml:space="preserve">Rýchlosť tlače/kopírovania A3: min. 12 str./min čiernobielo aj farebne </t>
  </si>
  <si>
    <t>2.13.18</t>
  </si>
  <si>
    <t>2.13.19</t>
  </si>
  <si>
    <t>2.14</t>
  </si>
  <si>
    <t>2.14.1</t>
  </si>
  <si>
    <t>2.14.2</t>
  </si>
  <si>
    <t>2.14.3</t>
  </si>
  <si>
    <t>2.14.4</t>
  </si>
  <si>
    <t>2.14.5</t>
  </si>
  <si>
    <t>2.14.6</t>
  </si>
  <si>
    <t>2.14.7</t>
  </si>
  <si>
    <t>2.14.8</t>
  </si>
  <si>
    <t>2.14.9</t>
  </si>
  <si>
    <t>Predpokladaný počet čiernobielych strán A4 za 48 mesiacov:  300 000</t>
  </si>
  <si>
    <t>Predpokladaný počet farebných strán A4 s farebným pokrytím do 2% z každej farby osobitne za 48 mesiacov: 250 000</t>
  </si>
  <si>
    <t>Predpokladaný počet farebných strán A4 s farebným pokrytím do 10% z každej farby osobitne za 48 mesiacov: 80 000</t>
  </si>
  <si>
    <t>Predpokladaný počet farebných strán A4 s farebným pokrytím nad 10% z každej farby osobitne za 48 mesiacov:  2 000</t>
  </si>
  <si>
    <t>Čítačka čipových kariet a príveskov: musí byť v multifunkčnom zariadení pevne integrovaná a kompatibilná s čipovým príveskom typ ATS 1477 (výrobca UTC Fire &amp; Security), ktorý obstarávateľ už má integrovaný zo inými dôležitými systémami ako je dochádzkový, prístupový, stravný, parkovací systém atď.</t>
  </si>
  <si>
    <t>Odložená tlačová úloha: musí byť možné tlačovú úlohu odložiť k vytlačeniu na zariadení až po autentifikácii používateľa na zariadení</t>
  </si>
  <si>
    <t>Prehľady a vyhodnotenia: požadovaná je možnosť štatistických prehľadov o aktivitách používateľov a to hlavne vyhodnotenie množstva a typu tlačových a skenovaných výstupov za zvolené obdobie</t>
  </si>
  <si>
    <t>4. Služby poskytované s prenájmom multifunkčných zariadení</t>
  </si>
  <si>
    <t>3. Ostatné funkcie multifunkčného zariadenia / obslužného softvéru</t>
  </si>
  <si>
    <t>Pravidelná údržba v rozsahu a intervaloch stanovených výrobcom zariadenia</t>
  </si>
  <si>
    <t>Nastavenia a aktuálizáciu firmware zariadení</t>
  </si>
  <si>
    <t>Udržiavanie zariadení v prevádzkyschopnom stave vrátane údržby po opotrebovaní jednotlivých častí zariadenia zahŕňajúca prácu servisného technika pri lokalizácii a odstránení poruchy zariadenia v mieste inštalácie zariadenia a cestovné náklady technika</t>
  </si>
  <si>
    <t xml:space="preserve">Kompletný servis pri poruche zariadenia v mieste inštalácie tohto zariadenia, a to najmä vykonanie opráv, dodávky a montáže originálnych náhradných dielov v prípade potreby ich výmeny z dôvodu opotrebovania </t>
  </si>
  <si>
    <t>Pre prenajaté zariadenie zabezpečiť dodávky od výrobcu zariadenia originálneho spotrebného materiálu (náhradných originálnych tonerov, fotovalcov, odpadových nádob, fixačných a prenosových jednotiek a podobne)</t>
  </si>
  <si>
    <t>Požaduje sa počas doby opravy, ktorá trvá dlhšie ako 2 dni - do max ďalšieho 1 pracovného dňa dodanie náhradného zariadenia s rovnakými alebo lepšími technickými parametrami ako pôvodne prenajaté zariadenie.</t>
  </si>
  <si>
    <t>Položka č. 2 - Multifunkčné zariadenie 2 ks - Podateľňa a VO</t>
  </si>
  <si>
    <r>
      <t xml:space="preserve">Požadované minimálne technické vlastnosti, parametre a hodnoty predmetu zákazky
</t>
    </r>
    <r>
      <rPr>
        <sz val="10"/>
        <color theme="1"/>
        <rFont val="Arial"/>
        <family val="2"/>
        <charset val="238"/>
      </rPr>
      <t>- môžu byť aj rovnako výkonné alebo výkonnejšie ekvivalenty</t>
    </r>
  </si>
  <si>
    <t>9.</t>
  </si>
  <si>
    <t>10.</t>
  </si>
  <si>
    <t>11.</t>
  </si>
  <si>
    <t>12.</t>
  </si>
  <si>
    <t>13.</t>
  </si>
  <si>
    <t>14.</t>
  </si>
  <si>
    <t>15.</t>
  </si>
  <si>
    <t>16.</t>
  </si>
  <si>
    <t>17.</t>
  </si>
  <si>
    <t>18.</t>
  </si>
  <si>
    <t>19.</t>
  </si>
  <si>
    <t>20.</t>
  </si>
  <si>
    <t>21.</t>
  </si>
  <si>
    <t>22.</t>
  </si>
  <si>
    <t>23.</t>
  </si>
  <si>
    <t>24.</t>
  </si>
  <si>
    <t>25.</t>
  </si>
  <si>
    <t>26.</t>
  </si>
  <si>
    <t>27.</t>
  </si>
  <si>
    <t>28.</t>
  </si>
  <si>
    <t>29.</t>
  </si>
  <si>
    <t>Predmetom prenájmu je technické zariadenie bližšie špecifikované v Prílohe č. 1 týchto súťažných podmienok.</t>
  </si>
  <si>
    <t>Požaduje sa, aby dodávateľ bol výlučným vlastníkom predmetu prenájmu a bol oprávnený s predmetom prenájmu nakladať.</t>
  </si>
  <si>
    <t xml:space="preserve">Požaduje sa dodanie predmetu nájmu na miesto inštalácie zariadenia, manipulácia so zariadením, vybalenie, odber a likvidácia obalov na náklady prenajímateľa. Požaduje sa odovzdanie predmetu  prenájmu nájomcovi v stave spôsobilom na jeho riadne užívanie. </t>
  </si>
  <si>
    <t>Požaduje sa protokolárne odovzdanie predmetu prenájmu nájomcovi. Protokol o odovzdaní a prevzatí predmetu prenájmu potvrdia oprávnení zástupcovia dodávateľa a nájomcu.</t>
  </si>
  <si>
    <t xml:space="preserve">Požaduje sa vyhotovenie inštalačného protokolu o inštalácii prístroja prenajímateľom, ktorý podpíšu oprávnení zástupcovia nájomcu a prenajímateľa.  </t>
  </si>
  <si>
    <t>Požaduje sa zabezpečiť odborné zaškolenie zamestnancov nájomcu, ktorí budú s prenajatým prístrojom/zariadením pracovať, a to bezprostredne po dodaní prístroja nájomcovi, o čom bude zo strany prenajímateľa vyhotovený školiaci protokol, ktorí podpíšu oprávnení zástupcovia nájomcu a prenajímateľa.</t>
  </si>
  <si>
    <t>V cene prenájmu sú zahrnuté aj kompletné náklady na softvér (licencia, inštalácia, konfigurácia, upgrade, servis a pod.) podľa uvedenej špecifikácie a tiež aj poistenie zariadenia v prípade požiadavky dodávateľa na takéto poistenie.</t>
  </si>
  <si>
    <t xml:space="preserve">Požaduje sa zo strany prenajímateľa poskytovať nájomcovi po dobu účinnosti uzatvorenej zmluvy autorizovaný servis prístroja.   </t>
  </si>
  <si>
    <t xml:space="preserve">Požaduje sa zo strany prenajímateľa zabezpečiť servisného technika do päť hodín  (5) dní od nahlásenia poruchy a servisná pohotovosť v pracovné dni od 08:00 do 16:00 hod.  Servisný technik je povinný odstrániť vadu alebo uskutočniť iný servisný úkon na prístroji v primeranej lehote v závislosti od závažnosti vady alebo servisného úkonu a s odbornou starostlivosťou. </t>
  </si>
  <si>
    <t>Dodávateľ je povinný preukázať, že k vykonávaniu servisu zariadenia disponuje minimálne 2 technikmi so zaškolením a praxou min. 2 roky na prenajímaný typ zariadenia, s dostupnosťou a možným aspoň jedného technika na zásah do 5 hodín od nahlásenia poruchy v pracovných dňoch od 08:00 do 16:00.</t>
  </si>
  <si>
    <t>Požaduje sa poistenie predmetu prenájmu zo strany prenajímateľa na vlastné náklady pre prípad poškodenia, zničenia, straty, odcudzenia alebo iných škôd, ktoré na ňom vzniknú, a to počas celej doby platnosti uzatvorenej zmluvy.</t>
  </si>
  <si>
    <t>Objednávateľ nie je povinný vyhotoviť stanovené predpokladané množstvo výtlačkov.</t>
  </si>
  <si>
    <t>Platby za plnenie predmetu zmluvy sa budú uskutočňovať po dodaní a nainštalovaní prenajatého zariadenia objednávateľovi v mesačnom intrevale a to na základe dodávateľom vystavených faktúr za čiastočné plnenie doručených objednávateľovi, pričom súčasťou faktúry bude aj dodací list podpísaný oboma zmluvnými stranami. Faktúra musí obsahovať rozpis položiek a ich jednotkových cien bez DPH a počet jednotiek vzťahujúcich sa ku každej položke plnenia, sadzbu DPH vzťahujúcu sa na príslušnú položku plnenia a celkovú cenu za položku.</t>
  </si>
  <si>
    <t>Požaduje sa v zmysle § 340b ods. 5 zákona č. 513/1991 Z.z. Obchodného zákonníka v znení neskorších predpisov splatnosť faktúry v lehote šesťdesiatich (60) kalendárnych dní odo dňa jej doručenia objednávateľovi.</t>
  </si>
  <si>
    <t>Požaduje sa akceptovať, že platba za plnenie sa realizuje výlučne bezhotovostným platobným stykom na základe faktúry doručenej dodávateľom, a to vždy za riadne a včas poskytnuté plnenie. Dodávateľ je povinný zaslať faktúru elektronicky na e-mailovú adresu: podatelna@vusch.sk . Za deň splnenia peňažného záväzku sa považuje deň odpísania dlžnej sumy z účtu objednávateľa v prospech účtu dodávateľa.</t>
  </si>
  <si>
    <t>Požaduje sa, aby v prípade ak sa úspešným dodávateľom po elektronickej aukcii stane:
- dodávateľ, ktorý je alebo bol dodávateľom predmetu zákazky pre objednávateľa a ak jeho konečná jednotková cena za MJ bez DPH je vyššia ako súčasne aktuálna alebo predtým platná jednotková cena za MJ bez DPH, za ktorú objednávateľ nakupuje alebo nakupoval od dodávateľa pred vyhlásením tejto súťaže,
alebo
- dodávateľ, ktorý objednávateľovi predložil aktuálnu cenovú ponuku pred vyhlásením tejto súťaže a jeho konečná jednotková cena za MJ bez DPH je vyššia ako cena ktorú predložil v aktuálnej cenovej ponuke pred vyhlásením tejto súťaže,
tak:
objednávateľ vyzve úspešného dodávateľa na podanie vysvetlenia k uvedenému a ak po prehodnotení písomného zdôvodnenia objednávateľ:
1. uzná navýšenie konečnej jednotkovej ceny za MJ bez DPH príslušnej položky predmetu zákazky, zašle dodávateľovi oznámenie, v ktorom potvrdí oprávnenie ním ponúknutej ceny.
2. neuzná navýšenie konečnej jednotkovej ceny za MJ bez DPH príslušnej položky predmetu zákazky, vyhradzuje si právo odstúpiť od tejto rámcovej dohody.</t>
  </si>
  <si>
    <t>V prípade, ak sa po uzatvorení zmluvy preukáže, že na relevantnom trhu existuje cena (ďalej tiež ako "nižšia cena") za rovnaké alebo porovnateľné plnenie ako je obsiahnuté v uzatvorenej zmluve a dodávateľ už preukázateľne v minulosti za takúto nižšiu cenu plnenie poskytol, resp. ešte stále poskytuje, pričom rozdiel medzi nižšou cenou a cenou podľa uzatvorenej zmluvy bude viac ako 5% v neprospech ceny podľa uzatvorenej zmluvy, zaväzuje sa dodávateľ poskytnúť objednávateľovi pre takéto plnenie objednané po preukázaní tejto skutočnosti dodatočnú zľavu vo výške rozdielu medzi ním poskytovanou cenou podľa uzatvorenej zmluvy a nižšou cenou.</t>
  </si>
  <si>
    <t>Dodávateľ je povinný bezodkladne, najneskôr však do piatich (5) pracovných dní od preukázania skutočnosti uvedenej v predchádzajúcej vete, doručiť objednávateľovi dodatok, predmetom ktorého bude upravená cena zistená podľa predchádzajúceho bodu.</t>
  </si>
  <si>
    <t>Zmluvné strany sa dohodli, že pohľadávky, ktoré vzniknú dodávateľovi z tohto zmluvného vzťahu, dodávateľ nie je oprávnený postúpiť tretím osobám bez predchádzajúceho súhlasu objednávateľa. Postúpenie pohľadávok bez predchádzajúceho súhlasu objednávateľa je neplatné. Súhlas objednávateľa je platný len za podmienky, že bol na takýto úkon udelený predchádzajúci písomný súhlas Ministerstva zdravotníctva SR.</t>
  </si>
  <si>
    <t>Zmluvné strany sa dohodli, že sú zbavené zodpovednosti za čiastočné alebo úplné neplnenie zmluvných povinností podľa tohto zmluvného vzťahu v prípade, že toto neplnenie je v dôsledku okolností vylučujúcich zodpovednosť. Pre účely tohto zmluvného vzťahu sa za okolnosti vylučujúce zodpovednosť považujú prípady, ktoré nie sú závislé, ani ich nemôžu ovplyvniť zmluvné strany, a to najmä podľa ústavného zákona č. 227/2002 Z. z. o bezpečnosti štátu v čase vojny, vojnového stavu, výnimočného stavu a núdzového stavu. Tá zmluvná strana, ktorá sa odvolá na okolnosti vylučujúce zodpovednosť, je povinná to oznámiť druhej zmluvnej strane najneskôr do 5 (piatich) kalendárnych dní od vzniku tejto skutočnosti a môže požiadať o prípadnú úpravu podmienok zmluvy. Na požiadanie zmluvnej strany, ktorej boli avizované okolnosti vylučujúce zodpovednosť, je povinný oznamovateľ predložiť hodnoverný dôkaz. ak nedôjde k dohode, má zmluvná strana, ktorá sa odvolala na okolnosti vylučujúce zodpovednosť , právo odstúpiť od tejto zmluvy. Účinky odstúpenia nastanú dňom doručenia oznámenia druhej zmluvnej strane.</t>
  </si>
  <si>
    <t>Osobné údaje dotknutých osôb, ktoré sú súčasťou tohto procesu verejného obstarávania, sú spracúvané verejným obstarávateľom na vopred vymedzený účel v súlade s Nariadením Európskeho parlamentu a Rady (EÚ) 2016/679 o ochrane fyzických osôb pri spracúvaní osobných údajov a o voľnom pohybe takýchto údajov a zákona NR SR č. 18/2018 Z. z. o ochrane osobných údajov a o zmene a doplnení niektorých zákonov. Bližšie informácie sú uvedené na webovom sídle verejného obstarávateľa.</t>
  </si>
  <si>
    <t>Predávajúci je povinný podľa nariadenia Európskeho parlamentu a Rady (EÚ) 2016/679 o ochrane fyzických osôb pri spracúvaní osobných údajov a o voľnom pohybe takýchto údajov, ktorým sa zrušuje smernica 95/46/ES (všeobecné nariadenie o ochrane údajov) dodržiavať mlčanlivosť o osobných údajoch, ako aj o všetkých skutočnostiach o ktorých sa dozvedel pri vykonávaní činností vyplývajúcich z tejto zmluvy. Zároveň je povinný o tejto povinnosti preukázateľne poučiť aj svojich zamestnancov. Povinnosť zachovávať mlčanlivosť platí aj po skončení trvania zmluvy. V opačnom prípade kupujúcemu zodpovedá za škodu, ktorá kupujúcemu vznikla porušením tejto povinnosti.</t>
  </si>
  <si>
    <t>Záujemca/Uchádzač/Člen skupiny dodávateľov sa zaväzuje dodržiavať etické zásady uvedené v Etickom kódexe záujemcu/uchádzača/člena skupiny dodávateľov vo verejnom obstarávaní spoločnosti Východoslovenský ústav srdcových a cievnych chorôb, a. s. (ďalej len "Etický kódex") zverejnený na webovom sídle objednávateľa/kupujúceho www.vusch.sk .</t>
  </si>
  <si>
    <r>
      <rPr>
        <b/>
        <sz val="10"/>
        <rFont val="Arial"/>
        <family val="2"/>
        <charset val="238"/>
      </rPr>
      <t xml:space="preserve">Prospektový materiál </t>
    </r>
    <r>
      <rPr>
        <sz val="10"/>
        <rFont val="Arial"/>
        <family val="2"/>
        <charset val="238"/>
      </rPr>
      <t>ku všetkým ponúkaným produktom uvedeným v Štruktúrovanom rozpočte:
- prospektový materiál musí obsahovať popis všetkých funkcií a technických parametrov ponúkaného produktu tak, aby na základe nich mohol verejný obstarávateľ jednoznačne posúdiť splnenie všetkých požadovaných minimálnych technických vlastností a parametrov,
- prospektový materiál nemusí byť preložený do slovenského jazyka.</t>
    </r>
  </si>
  <si>
    <t>Požaduje sa uzatvorenie zmluvy o prenájme 3 kusov multifunkčných zariadení  na obdobie 48 kalendárnych mes.</t>
  </si>
  <si>
    <t>Požaduje sa integrácia spolu piatich väčších multifunkčných zariadení, pod jeden spoločný manažment systém, z toho tri multifinkční zariadenia sú predmetom tejto zmluvy a nahradia pôvodné tri zariadenia.</t>
  </si>
  <si>
    <t>K centrálnej správe piatich veľkokapacitných multifunkčkých zariadení prevádzkuje nájomca systém MyQ® ver.7.4. V prípade nutnosti výmeny tohto systému Prenajímateľ musí zabezpečiť všetky potrebné licencie pre server, systém manažmentu, inštaláciu, konfiguráciu, migráciu dát, nastavení ovládacieho terminálu multifunkčných zariadení z existujúceho systému a zaškolenie administrátorov nájomcu.</t>
  </si>
  <si>
    <t>3.7</t>
  </si>
  <si>
    <t>3.8</t>
  </si>
  <si>
    <r>
      <t xml:space="preserve">Používatelia a skupiny používateľov: prístup a používanie zariadenia centrálne konfigurovateľné podľa pomenovaných používateľov a skupín. </t>
    </r>
    <r>
      <rPr>
        <sz val="10"/>
        <color rgb="FFFF0000"/>
        <rFont val="Arial"/>
        <family val="2"/>
        <charset val="238"/>
      </rPr>
      <t>Požaduje sa synchronizácia používateľov s Active Directory prevádzkovanou Nájomcom.</t>
    </r>
  </si>
  <si>
    <r>
      <t xml:space="preserve">Nastavenia vlastností tlačových front: musí byť možné prednastaviť minimálne 10 druhov tlačových front, ktoré používateľ na svojom PC uvidí ako pomenované tlačiarne k rôznym typom tlačových úloh (napr. čiernobiely výstup, farebný výstup, ekonomická tlač, obojstranná/jednostraná tlač, odložená tlačová úloha s vytlačením až po autentifikácii sa používateľa na zariadení a pod.                                        </t>
    </r>
    <r>
      <rPr>
        <sz val="10"/>
        <color rgb="FFFF0000"/>
        <rFont val="Arial"/>
        <family val="2"/>
        <charset val="238"/>
      </rPr>
      <t>Možnosť nastavenia vyzdieľaného priečinku pracovnej PC stanice zapojenej v LAN Nájomcu, pre uloženie skenovaných dokumentov na multifunkčnom zariadení prihláseného používateľa</t>
    </r>
    <r>
      <rPr>
        <sz val="10"/>
        <rFont val="Arial"/>
        <family val="2"/>
        <charset val="238"/>
      </rPr>
      <t>.</t>
    </r>
  </si>
  <si>
    <r>
      <t xml:space="preserve">Prihlásenie sa (autentifikácia) používateľa na zariadenie: pomocou PIN kódu a musí byť možný aj priložením čipového prívesku typ ATS 1477 (výrobca UTC Fire &amp; Security). </t>
    </r>
    <r>
      <rPr>
        <sz val="10"/>
        <color rgb="FFFF0000"/>
        <rFont val="Arial"/>
        <family val="2"/>
        <charset val="238"/>
      </rPr>
      <t>Registrácia čipového prívesku musí byť možná aj samotným používateľom na multifunkčnom zariadení, ak daný používateľ má k tomu práva nastavené v systéme centrálneho manažmentu multifunkčných zariadení.</t>
    </r>
  </si>
  <si>
    <t>Požaduje sa inštalovať, resp. zabezpečiť dodávku a inštaláciu multifunkčných zariadení a súvisiacich systémov a ich spustenie do prevádzky u nájomcu na náklady prenajímateľa najneskôr do tridsiatich (30) kalendárnych dní odo dňa účinnosti zmluvy; Presný dátum dodania a inštalácie multifunkčných zariadení a súvisiacich systémov je prenajímateľ povinný nájomcovi oznámiť najmenej tri (3) kalendárne dni vopred. Nájomca sa zaväzuje poskytnúť prenajímateľovi potrebnú súčinnosť pri inštalácii prístroja.</t>
  </si>
  <si>
    <t>Požaduje sa dodanie návodu na použitie prístroja v slovenskom alebo českom jazyku.</t>
  </si>
  <si>
    <t>Požaduje sa poskytovanie telefonických, e-mailových alebo online konzultácii týkajúcich sa používania prenajatého zariadenia vyškolenými pracovníkmi objednávateľa.</t>
  </si>
</sst>
</file>

<file path=xl/styles.xml><?xml version="1.0" encoding="utf-8"?>
<styleSheet xmlns="http://schemas.openxmlformats.org/spreadsheetml/2006/main" xmlns:mc="http://schemas.openxmlformats.org/markup-compatibility/2006" xmlns:x14ac="http://schemas.microsoft.com/office/spreadsheetml/2009/9/ac" mc:Ignorable="x14ac">
  <fonts count="15" x14ac:knownFonts="1">
    <font>
      <sz val="11"/>
      <color theme="1"/>
      <name val="Calibri"/>
      <family val="2"/>
      <charset val="238"/>
      <scheme val="minor"/>
    </font>
    <font>
      <sz val="11"/>
      <color theme="1"/>
      <name val="Calibri"/>
      <family val="2"/>
      <charset val="238"/>
      <scheme val="minor"/>
    </font>
    <font>
      <sz val="10"/>
      <color theme="1"/>
      <name val="Arial"/>
      <family val="2"/>
      <charset val="238"/>
    </font>
    <font>
      <b/>
      <sz val="10"/>
      <color theme="1"/>
      <name val="Arial"/>
      <family val="2"/>
      <charset val="238"/>
    </font>
    <font>
      <sz val="10"/>
      <name val="Arial"/>
      <family val="2"/>
      <charset val="238"/>
    </font>
    <font>
      <b/>
      <sz val="10"/>
      <name val="Arial"/>
      <family val="2"/>
      <charset val="238"/>
    </font>
    <font>
      <b/>
      <sz val="9"/>
      <name val="Arial"/>
      <family val="2"/>
      <charset val="238"/>
    </font>
    <font>
      <sz val="9"/>
      <color theme="1"/>
      <name val="Arial"/>
      <family val="2"/>
      <charset val="238"/>
    </font>
    <font>
      <b/>
      <sz val="11"/>
      <color theme="1"/>
      <name val="Calibri"/>
      <family val="2"/>
      <charset val="238"/>
      <scheme val="minor"/>
    </font>
    <font>
      <b/>
      <sz val="10"/>
      <color rgb="FFFF0000"/>
      <name val="Arial"/>
      <family val="2"/>
      <charset val="238"/>
    </font>
    <font>
      <sz val="10"/>
      <color rgb="FFFF0000"/>
      <name val="Arial"/>
      <family val="2"/>
      <charset val="238"/>
    </font>
    <font>
      <b/>
      <sz val="9"/>
      <color theme="1"/>
      <name val="Arial"/>
      <family val="2"/>
      <charset val="238"/>
    </font>
    <font>
      <sz val="11"/>
      <color theme="1"/>
      <name val="Times New Roman"/>
      <family val="1"/>
      <charset val="238"/>
    </font>
    <font>
      <sz val="11"/>
      <name val="Calibri"/>
      <family val="2"/>
      <charset val="238"/>
      <scheme val="minor"/>
    </font>
    <font>
      <u/>
      <sz val="10"/>
      <color theme="1"/>
      <name val="Arial"/>
      <family val="2"/>
      <charset val="238"/>
    </font>
  </fonts>
  <fills count="6">
    <fill>
      <patternFill patternType="none"/>
    </fill>
    <fill>
      <patternFill patternType="gray125"/>
    </fill>
    <fill>
      <patternFill patternType="solid">
        <fgColor theme="7" tint="0.79998168889431442"/>
        <bgColor indexed="64"/>
      </patternFill>
    </fill>
    <fill>
      <patternFill patternType="solid">
        <fgColor theme="2"/>
        <bgColor indexed="64"/>
      </patternFill>
    </fill>
    <fill>
      <patternFill patternType="solid">
        <fgColor theme="4" tint="0.59999389629810485"/>
        <bgColor indexed="64"/>
      </patternFill>
    </fill>
    <fill>
      <patternFill patternType="solid">
        <fgColor theme="0" tint="-4.9989318521683403E-2"/>
        <bgColor indexed="64"/>
      </patternFill>
    </fill>
  </fills>
  <borders count="41">
    <border>
      <left/>
      <right/>
      <top/>
      <bottom/>
      <diagonal/>
    </border>
    <border>
      <left style="medium">
        <color auto="1"/>
      </left>
      <right/>
      <top style="medium">
        <color auto="1"/>
      </top>
      <bottom/>
      <diagonal/>
    </border>
    <border>
      <left/>
      <right style="medium">
        <color auto="1"/>
      </right>
      <top style="medium">
        <color auto="1"/>
      </top>
      <bottom/>
      <diagonal/>
    </border>
    <border>
      <left/>
      <right/>
      <top/>
      <bottom style="medium">
        <color auto="1"/>
      </bottom>
      <diagonal/>
    </border>
    <border>
      <left style="dotted">
        <color auto="1"/>
      </left>
      <right style="medium">
        <color auto="1"/>
      </right>
      <top style="dotted">
        <color auto="1"/>
      </top>
      <bottom style="medium">
        <color auto="1"/>
      </bottom>
      <diagonal/>
    </border>
    <border>
      <left style="thin">
        <color auto="1"/>
      </left>
      <right/>
      <top style="thin">
        <color auto="1"/>
      </top>
      <bottom style="thin">
        <color auto="1"/>
      </bottom>
      <diagonal/>
    </border>
    <border>
      <left/>
      <right style="thin">
        <color auto="1"/>
      </right>
      <top style="thin">
        <color auto="1"/>
      </top>
      <bottom style="thin">
        <color auto="1"/>
      </bottom>
      <diagonal/>
    </border>
    <border>
      <left/>
      <right/>
      <top/>
      <bottom style="dotted">
        <color auto="1"/>
      </bottom>
      <diagonal/>
    </border>
    <border>
      <left style="medium">
        <color auto="1"/>
      </left>
      <right style="thin">
        <color auto="1"/>
      </right>
      <top style="thin">
        <color auto="1"/>
      </top>
      <bottom style="thin">
        <color auto="1"/>
      </bottom>
      <diagonal/>
    </border>
    <border>
      <left style="thin">
        <color auto="1"/>
      </left>
      <right style="medium">
        <color indexed="64"/>
      </right>
      <top style="thin">
        <color auto="1"/>
      </top>
      <bottom style="thin">
        <color auto="1"/>
      </bottom>
      <diagonal/>
    </border>
    <border>
      <left style="thin">
        <color auto="1"/>
      </left>
      <right style="thin">
        <color auto="1"/>
      </right>
      <top style="thin">
        <color auto="1"/>
      </top>
      <bottom style="thin">
        <color auto="1"/>
      </bottom>
      <diagonal/>
    </border>
    <border>
      <left style="medium">
        <color auto="1"/>
      </left>
      <right style="thin">
        <color auto="1"/>
      </right>
      <top style="thin">
        <color auto="1"/>
      </top>
      <bottom style="medium">
        <color auto="1"/>
      </bottom>
      <diagonal/>
    </border>
    <border>
      <left style="medium">
        <color auto="1"/>
      </left>
      <right/>
      <top/>
      <bottom style="medium">
        <color auto="1"/>
      </bottom>
      <diagonal/>
    </border>
    <border>
      <left/>
      <right/>
      <top style="medium">
        <color auto="1"/>
      </top>
      <bottom/>
      <diagonal/>
    </border>
    <border>
      <left style="thin">
        <color auto="1"/>
      </left>
      <right/>
      <top style="medium">
        <color auto="1"/>
      </top>
      <bottom/>
      <diagonal/>
    </border>
    <border>
      <left style="thin">
        <color auto="1"/>
      </left>
      <right style="dotted">
        <color auto="1"/>
      </right>
      <top style="dotted">
        <color auto="1"/>
      </top>
      <bottom style="medium">
        <color auto="1"/>
      </bottom>
      <diagonal/>
    </border>
    <border>
      <left style="dotted">
        <color auto="1"/>
      </left>
      <right style="dotted">
        <color auto="1"/>
      </right>
      <top style="dotted">
        <color auto="1"/>
      </top>
      <bottom style="medium">
        <color auto="1"/>
      </bottom>
      <diagonal/>
    </border>
    <border>
      <left/>
      <right/>
      <top style="dotted">
        <color auto="1"/>
      </top>
      <bottom/>
      <diagonal/>
    </border>
    <border>
      <left style="thin">
        <color indexed="64"/>
      </left>
      <right style="thin">
        <color indexed="64"/>
      </right>
      <top style="thin">
        <color indexed="64"/>
      </top>
      <bottom style="medium">
        <color auto="1"/>
      </bottom>
      <diagonal/>
    </border>
    <border>
      <left style="thin">
        <color auto="1"/>
      </left>
      <right style="thin">
        <color auto="1"/>
      </right>
      <top style="medium">
        <color auto="1"/>
      </top>
      <bottom style="thin">
        <color auto="1"/>
      </bottom>
      <diagonal/>
    </border>
    <border>
      <left style="thin">
        <color auto="1"/>
      </left>
      <right style="medium">
        <color auto="1"/>
      </right>
      <top style="medium">
        <color auto="1"/>
      </top>
      <bottom style="thin">
        <color auto="1"/>
      </bottom>
      <diagonal/>
    </border>
    <border>
      <left style="medium">
        <color auto="1"/>
      </left>
      <right style="thin">
        <color auto="1"/>
      </right>
      <top/>
      <bottom style="thin">
        <color auto="1"/>
      </bottom>
      <diagonal/>
    </border>
    <border>
      <left/>
      <right style="medium">
        <color indexed="64"/>
      </right>
      <top/>
      <bottom/>
      <diagonal/>
    </border>
    <border>
      <left/>
      <right style="medium">
        <color auto="1"/>
      </right>
      <top style="thin">
        <color auto="1"/>
      </top>
      <bottom style="thin">
        <color auto="1"/>
      </bottom>
      <diagonal/>
    </border>
    <border>
      <left style="thin">
        <color auto="1"/>
      </left>
      <right style="thin">
        <color auto="1"/>
      </right>
      <top style="thin">
        <color auto="1"/>
      </top>
      <bottom/>
      <diagonal/>
    </border>
    <border>
      <left style="thin">
        <color auto="1"/>
      </left>
      <right/>
      <top style="thin">
        <color auto="1"/>
      </top>
      <bottom/>
      <diagonal/>
    </border>
    <border>
      <left/>
      <right style="medium">
        <color auto="1"/>
      </right>
      <top style="thin">
        <color auto="1"/>
      </top>
      <bottom/>
      <diagonal/>
    </border>
    <border>
      <left style="thin">
        <color auto="1"/>
      </left>
      <right/>
      <top/>
      <bottom/>
      <diagonal/>
    </border>
    <border>
      <left style="thin">
        <color auto="1"/>
      </left>
      <right/>
      <top style="thin">
        <color auto="1"/>
      </top>
      <bottom style="medium">
        <color indexed="64"/>
      </bottom>
      <diagonal/>
    </border>
    <border>
      <left/>
      <right style="medium">
        <color auto="1"/>
      </right>
      <top style="thin">
        <color auto="1"/>
      </top>
      <bottom style="medium">
        <color indexed="64"/>
      </bottom>
      <diagonal/>
    </border>
    <border>
      <left/>
      <right style="medium">
        <color auto="1"/>
      </right>
      <top/>
      <bottom style="thin">
        <color auto="1"/>
      </bottom>
      <diagonal/>
    </border>
    <border>
      <left style="thin">
        <color auto="1"/>
      </left>
      <right/>
      <top/>
      <bottom style="thin">
        <color auto="1"/>
      </bottom>
      <diagonal/>
    </border>
    <border>
      <left style="medium">
        <color indexed="64"/>
      </left>
      <right style="thin">
        <color auto="1"/>
      </right>
      <top style="medium">
        <color indexed="64"/>
      </top>
      <bottom style="thin">
        <color auto="1"/>
      </bottom>
      <diagonal/>
    </border>
    <border>
      <left style="thin">
        <color auto="1"/>
      </left>
      <right style="thin">
        <color auto="1"/>
      </right>
      <top/>
      <bottom style="thin">
        <color auto="1"/>
      </bottom>
      <diagonal/>
    </border>
    <border>
      <left style="medium">
        <color auto="1"/>
      </left>
      <right/>
      <top/>
      <bottom/>
      <diagonal/>
    </border>
    <border>
      <left style="thin">
        <color auto="1"/>
      </left>
      <right style="dotted">
        <color auto="1"/>
      </right>
      <top style="dotted">
        <color auto="1"/>
      </top>
      <bottom/>
      <diagonal/>
    </border>
    <border>
      <left style="dotted">
        <color auto="1"/>
      </left>
      <right style="dotted">
        <color auto="1"/>
      </right>
      <top style="dotted">
        <color auto="1"/>
      </top>
      <bottom/>
      <diagonal/>
    </border>
    <border>
      <left style="dotted">
        <color auto="1"/>
      </left>
      <right style="medium">
        <color auto="1"/>
      </right>
      <top style="dotted">
        <color auto="1"/>
      </top>
      <bottom/>
      <diagonal/>
    </border>
    <border>
      <left style="medium">
        <color auto="1"/>
      </left>
      <right/>
      <top style="thin">
        <color auto="1"/>
      </top>
      <bottom style="thin">
        <color auto="1"/>
      </bottom>
      <diagonal/>
    </border>
    <border>
      <left style="medium">
        <color auto="1"/>
      </left>
      <right style="thin">
        <color auto="1"/>
      </right>
      <top style="thin">
        <color auto="1"/>
      </top>
      <bottom/>
      <diagonal/>
    </border>
    <border>
      <left/>
      <right style="thin">
        <color auto="1"/>
      </right>
      <top/>
      <bottom style="thin">
        <color indexed="64"/>
      </bottom>
      <diagonal/>
    </border>
  </borders>
  <cellStyleXfs count="6">
    <xf numFmtId="0" fontId="0" fillId="0" borderId="0"/>
    <xf numFmtId="0" fontId="4" fillId="0" borderId="0"/>
    <xf numFmtId="0" fontId="4" fillId="0" borderId="0"/>
    <xf numFmtId="0" fontId="1" fillId="0" borderId="0"/>
    <xf numFmtId="0" fontId="4" fillId="0" borderId="0"/>
    <xf numFmtId="0" fontId="1" fillId="0" borderId="0"/>
  </cellStyleXfs>
  <cellXfs count="173">
    <xf numFmtId="0" fontId="0" fillId="0" borderId="0" xfId="0"/>
    <xf numFmtId="0" fontId="2" fillId="0" borderId="0" xfId="0" applyFont="1" applyAlignment="1">
      <alignment wrapText="1"/>
    </xf>
    <xf numFmtId="0" fontId="2" fillId="0" borderId="0" xfId="0" applyFont="1" applyAlignment="1">
      <alignment vertical="center" wrapText="1"/>
    </xf>
    <xf numFmtId="0" fontId="2" fillId="0" borderId="0" xfId="0" applyFont="1" applyAlignment="1">
      <alignment vertical="top" wrapText="1"/>
    </xf>
    <xf numFmtId="0" fontId="2" fillId="0" borderId="0" xfId="0" applyFont="1" applyAlignment="1">
      <alignment vertical="center"/>
    </xf>
    <xf numFmtId="49" fontId="5" fillId="0" borderId="0" xfId="1" applyNumberFormat="1" applyFont="1" applyBorder="1" applyAlignment="1">
      <alignment horizontal="left" vertical="top" wrapText="1"/>
    </xf>
    <xf numFmtId="0" fontId="2" fillId="0" borderId="0" xfId="0" applyFont="1" applyAlignment="1">
      <alignment horizontal="center" vertical="center" wrapText="1"/>
    </xf>
    <xf numFmtId="49" fontId="5" fillId="0" borderId="0" xfId="1" applyNumberFormat="1" applyFont="1" applyBorder="1" applyAlignment="1">
      <alignment horizontal="center" vertical="top" wrapText="1"/>
    </xf>
    <xf numFmtId="0" fontId="2" fillId="0" borderId="0" xfId="0" applyFont="1" applyAlignment="1">
      <alignment horizontal="center" wrapText="1"/>
    </xf>
    <xf numFmtId="0" fontId="2" fillId="0" borderId="0" xfId="0" applyFont="1" applyFill="1" applyAlignment="1">
      <alignment vertical="center" wrapText="1"/>
    </xf>
    <xf numFmtId="0" fontId="2" fillId="0" borderId="0" xfId="0" applyFont="1" applyFill="1" applyAlignment="1">
      <alignment wrapText="1"/>
    </xf>
    <xf numFmtId="49" fontId="7" fillId="0" borderId="0" xfId="5" applyNumberFormat="1" applyFont="1" applyAlignment="1">
      <alignment wrapText="1"/>
    </xf>
    <xf numFmtId="0" fontId="7" fillId="0" borderId="0" xfId="5" applyFont="1" applyAlignment="1">
      <alignment wrapText="1"/>
    </xf>
    <xf numFmtId="0" fontId="2" fillId="0" borderId="0" xfId="0" applyFont="1" applyFill="1" applyAlignment="1">
      <alignment horizontal="left" vertical="center" wrapText="1"/>
    </xf>
    <xf numFmtId="49" fontId="3" fillId="0" borderId="0" xfId="0" applyNumberFormat="1" applyFont="1" applyFill="1" applyAlignment="1">
      <alignment horizontal="left" vertical="center" wrapText="1"/>
    </xf>
    <xf numFmtId="0" fontId="2" fillId="0" borderId="0" xfId="0" applyFont="1" applyAlignment="1">
      <alignment horizontal="left" vertical="center" wrapText="1"/>
    </xf>
    <xf numFmtId="0" fontId="2" fillId="3" borderId="10" xfId="0" applyFont="1" applyFill="1" applyBorder="1" applyAlignment="1">
      <alignment horizontal="left" vertical="top" wrapText="1"/>
    </xf>
    <xf numFmtId="0" fontId="2" fillId="3" borderId="10" xfId="0" applyFont="1" applyFill="1" applyBorder="1" applyAlignment="1">
      <alignment horizontal="center" vertical="top" wrapText="1"/>
    </xf>
    <xf numFmtId="0" fontId="10" fillId="0" borderId="0" xfId="0" applyFont="1" applyAlignment="1">
      <alignment horizontal="center" vertical="top" wrapText="1"/>
    </xf>
    <xf numFmtId="0" fontId="10" fillId="0" borderId="0" xfId="0" applyFont="1" applyAlignment="1">
      <alignment horizontal="left" vertical="top" wrapText="1"/>
    </xf>
    <xf numFmtId="16" fontId="5" fillId="0" borderId="0" xfId="0" applyNumberFormat="1" applyFont="1" applyFill="1" applyAlignment="1">
      <alignment wrapText="1"/>
    </xf>
    <xf numFmtId="16" fontId="9" fillId="0" borderId="0" xfId="0" applyNumberFormat="1" applyFont="1" applyFill="1" applyAlignment="1">
      <alignment wrapText="1"/>
    </xf>
    <xf numFmtId="0" fontId="9" fillId="0" borderId="0" xfId="0" applyFont="1" applyAlignment="1">
      <alignment horizontal="center" vertical="center" wrapText="1"/>
    </xf>
    <xf numFmtId="49" fontId="2" fillId="2" borderId="15" xfId="0" applyNumberFormat="1" applyFont="1" applyFill="1" applyBorder="1" applyAlignment="1">
      <alignment horizontal="center" vertical="center" wrapText="1"/>
    </xf>
    <xf numFmtId="0" fontId="3" fillId="0" borderId="0" xfId="0" applyFont="1" applyAlignment="1">
      <alignment vertical="center"/>
    </xf>
    <xf numFmtId="49" fontId="5" fillId="0" borderId="0" xfId="1" applyNumberFormat="1" applyFont="1" applyBorder="1" applyAlignment="1">
      <alignment horizontal="left" vertical="center" wrapText="1"/>
    </xf>
    <xf numFmtId="0" fontId="7" fillId="0" borderId="0" xfId="5" applyFont="1" applyAlignment="1">
      <alignment horizontal="right" vertical="center" wrapText="1"/>
    </xf>
    <xf numFmtId="0" fontId="10" fillId="0" borderId="0" xfId="0" applyFont="1" applyAlignment="1">
      <alignment vertical="center" wrapText="1"/>
    </xf>
    <xf numFmtId="49" fontId="2" fillId="0" borderId="0" xfId="0" applyNumberFormat="1" applyFont="1" applyFill="1" applyAlignment="1">
      <alignment vertical="center" wrapText="1"/>
    </xf>
    <xf numFmtId="49" fontId="2" fillId="0" borderId="0" xfId="0" applyNumberFormat="1" applyFont="1" applyFill="1" applyAlignment="1">
      <alignment vertical="top" wrapText="1"/>
    </xf>
    <xf numFmtId="0" fontId="7" fillId="0" borderId="0" xfId="0" applyFont="1" applyAlignment="1">
      <alignment horizontal="right" wrapText="1"/>
    </xf>
    <xf numFmtId="0" fontId="7" fillId="0" borderId="0" xfId="0" applyFont="1" applyAlignment="1">
      <alignment horizontal="right"/>
    </xf>
    <xf numFmtId="0" fontId="7" fillId="0" borderId="0" xfId="0" applyFont="1" applyAlignment="1">
      <alignment wrapText="1"/>
    </xf>
    <xf numFmtId="0" fontId="12" fillId="0" borderId="17" xfId="0" applyFont="1" applyBorder="1" applyAlignment="1">
      <alignment wrapText="1"/>
    </xf>
    <xf numFmtId="0" fontId="7" fillId="0" borderId="0" xfId="0" applyFont="1" applyAlignment="1">
      <alignment horizontal="right" vertical="center"/>
    </xf>
    <xf numFmtId="0" fontId="7" fillId="0" borderId="0" xfId="0" applyFont="1" applyAlignment="1">
      <alignment horizontal="right" vertical="center" wrapText="1"/>
    </xf>
    <xf numFmtId="0" fontId="2" fillId="0" borderId="0" xfId="0" applyFont="1" applyFill="1" applyAlignment="1">
      <alignment horizontal="center" vertical="center" wrapText="1"/>
    </xf>
    <xf numFmtId="16" fontId="5" fillId="0" borderId="0" xfId="0" applyNumberFormat="1" applyFont="1" applyFill="1" applyAlignment="1">
      <alignment vertical="top" wrapText="1"/>
    </xf>
    <xf numFmtId="0" fontId="4" fillId="0" borderId="0" xfId="0" applyNumberFormat="1" applyFont="1" applyAlignment="1">
      <alignment horizontal="left" vertical="top" wrapText="1"/>
    </xf>
    <xf numFmtId="0" fontId="7" fillId="2" borderId="10" xfId="5" applyFont="1" applyFill="1" applyBorder="1" applyAlignment="1">
      <alignment horizontal="right" vertical="center" wrapText="1"/>
    </xf>
    <xf numFmtId="0" fontId="11" fillId="2" borderId="10" xfId="0" applyNumberFormat="1" applyFont="1" applyFill="1" applyBorder="1" applyAlignment="1">
      <alignment horizontal="left" vertical="center" wrapText="1"/>
    </xf>
    <xf numFmtId="0" fontId="7" fillId="2" borderId="10" xfId="0" applyNumberFormat="1" applyFont="1" applyFill="1" applyBorder="1" applyAlignment="1">
      <alignment horizontal="left" vertical="center" wrapText="1"/>
    </xf>
    <xf numFmtId="16" fontId="5" fillId="0" borderId="0" xfId="0" applyNumberFormat="1" applyFont="1" applyFill="1" applyAlignment="1">
      <alignment horizontal="left" vertical="top" wrapText="1"/>
    </xf>
    <xf numFmtId="0" fontId="4" fillId="0" borderId="0" xfId="0" applyNumberFormat="1" applyFont="1" applyFill="1" applyAlignment="1">
      <alignment horizontal="left" vertical="top" wrapText="1"/>
    </xf>
    <xf numFmtId="49" fontId="2" fillId="0" borderId="8" xfId="0" applyNumberFormat="1" applyFont="1" applyFill="1" applyBorder="1" applyAlignment="1">
      <alignment horizontal="center" vertical="center" wrapText="1"/>
    </xf>
    <xf numFmtId="0" fontId="2" fillId="0" borderId="10" xfId="0" applyNumberFormat="1" applyFont="1" applyBorder="1" applyAlignment="1">
      <alignment horizontal="center" vertical="center" wrapText="1"/>
    </xf>
    <xf numFmtId="9" fontId="2" fillId="0" borderId="0" xfId="0" applyNumberFormat="1" applyFont="1" applyFill="1" applyAlignment="1">
      <alignment vertical="center" wrapText="1"/>
    </xf>
    <xf numFmtId="0" fontId="2" fillId="0" borderId="18" xfId="0" applyNumberFormat="1" applyFont="1" applyBorder="1" applyAlignment="1">
      <alignment horizontal="center" vertical="center" wrapText="1"/>
    </xf>
    <xf numFmtId="0" fontId="2" fillId="0" borderId="24" xfId="0" applyNumberFormat="1" applyFont="1" applyBorder="1" applyAlignment="1">
      <alignment horizontal="center" vertical="center" wrapText="1"/>
    </xf>
    <xf numFmtId="0" fontId="2" fillId="0" borderId="25" xfId="0" applyFont="1" applyFill="1" applyBorder="1" applyAlignment="1">
      <alignment horizontal="center" vertical="center" wrapText="1"/>
    </xf>
    <xf numFmtId="0" fontId="2" fillId="0" borderId="26" xfId="0" applyFont="1" applyFill="1" applyBorder="1" applyAlignment="1">
      <alignment horizontal="center" vertical="center" wrapText="1"/>
    </xf>
    <xf numFmtId="0" fontId="2" fillId="0" borderId="0" xfId="0" applyFont="1" applyAlignment="1">
      <alignment horizontal="center" vertical="center" wrapText="1"/>
    </xf>
    <xf numFmtId="0" fontId="2" fillId="0" borderId="27" xfId="0" applyFont="1" applyFill="1" applyBorder="1" applyAlignment="1">
      <alignment horizontal="center" vertical="center" wrapText="1"/>
    </xf>
    <xf numFmtId="0" fontId="2" fillId="0" borderId="22" xfId="0" applyFont="1" applyFill="1" applyBorder="1" applyAlignment="1">
      <alignment horizontal="center" vertical="center" wrapText="1"/>
    </xf>
    <xf numFmtId="0" fontId="2" fillId="0" borderId="10" xfId="0" applyFont="1" applyFill="1" applyBorder="1" applyAlignment="1">
      <alignment vertical="center" wrapText="1"/>
    </xf>
    <xf numFmtId="0" fontId="2" fillId="0" borderId="10" xfId="0" applyFont="1" applyFill="1" applyBorder="1" applyAlignment="1">
      <alignment horizontal="center" vertical="center" wrapText="1"/>
    </xf>
    <xf numFmtId="3" fontId="13" fillId="0" borderId="10" xfId="0" applyNumberFormat="1" applyFont="1" applyFill="1" applyBorder="1" applyAlignment="1">
      <alignment horizontal="center" vertical="center" wrapText="1"/>
    </xf>
    <xf numFmtId="49" fontId="3" fillId="0" borderId="0" xfId="0" applyNumberFormat="1" applyFont="1" applyFill="1" applyAlignment="1">
      <alignment horizontal="left" vertical="center" wrapText="1"/>
    </xf>
    <xf numFmtId="49" fontId="2" fillId="0" borderId="21" xfId="0" applyNumberFormat="1" applyFont="1" applyFill="1" applyBorder="1" applyAlignment="1">
      <alignment horizontal="center" vertical="center" wrapText="1"/>
    </xf>
    <xf numFmtId="49" fontId="2" fillId="0" borderId="10" xfId="0" applyNumberFormat="1" applyFont="1" applyFill="1" applyBorder="1" applyAlignment="1">
      <alignment horizontal="left" vertical="center" wrapText="1"/>
    </xf>
    <xf numFmtId="49" fontId="2" fillId="0" borderId="10" xfId="0" applyNumberFormat="1" applyFont="1" applyFill="1" applyBorder="1" applyAlignment="1">
      <alignment horizontal="center" vertical="center" wrapText="1"/>
    </xf>
    <xf numFmtId="49" fontId="5" fillId="0" borderId="10" xfId="0" applyNumberFormat="1" applyFont="1" applyFill="1" applyBorder="1" applyAlignment="1">
      <alignment horizontal="left" vertical="center" wrapText="1"/>
    </xf>
    <xf numFmtId="49" fontId="4" fillId="0" borderId="10" xfId="0" applyNumberFormat="1" applyFont="1" applyFill="1" applyBorder="1" applyAlignment="1">
      <alignment horizontal="left" vertical="center" wrapText="1"/>
    </xf>
    <xf numFmtId="0" fontId="5" fillId="0" borderId="8" xfId="0" applyNumberFormat="1" applyFont="1" applyBorder="1" applyAlignment="1">
      <alignment horizontal="center" vertical="center"/>
    </xf>
    <xf numFmtId="49" fontId="4" fillId="0" borderId="8" xfId="0" applyNumberFormat="1" applyFont="1" applyBorder="1" applyAlignment="1">
      <alignment horizontal="center" vertical="center"/>
    </xf>
    <xf numFmtId="49" fontId="5" fillId="0" borderId="8" xfId="0" applyNumberFormat="1" applyFont="1" applyBorder="1" applyAlignment="1">
      <alignment horizontal="center" vertical="center"/>
    </xf>
    <xf numFmtId="49" fontId="4" fillId="0" borderId="11" xfId="0" applyNumberFormat="1" applyFont="1" applyBorder="1" applyAlignment="1">
      <alignment horizontal="center" vertical="center"/>
    </xf>
    <xf numFmtId="49" fontId="4" fillId="0" borderId="18" xfId="0" applyNumberFormat="1" applyFont="1" applyFill="1" applyBorder="1" applyAlignment="1">
      <alignment horizontal="left" vertical="center" wrapText="1"/>
    </xf>
    <xf numFmtId="49" fontId="2" fillId="2" borderId="10" xfId="0" applyNumberFormat="1" applyFont="1" applyFill="1" applyBorder="1" applyAlignment="1">
      <alignment horizontal="center" vertical="center" wrapText="1"/>
    </xf>
    <xf numFmtId="49" fontId="4" fillId="0" borderId="33" xfId="0" applyNumberFormat="1" applyFont="1" applyFill="1" applyBorder="1" applyAlignment="1">
      <alignment horizontal="left" vertical="center" wrapText="1"/>
    </xf>
    <xf numFmtId="0" fontId="7" fillId="0" borderId="27" xfId="0" applyNumberFormat="1" applyFont="1" applyBorder="1" applyAlignment="1">
      <alignment wrapText="1"/>
    </xf>
    <xf numFmtId="49" fontId="2" fillId="2" borderId="35" xfId="0" applyNumberFormat="1" applyFont="1" applyFill="1" applyBorder="1" applyAlignment="1">
      <alignment horizontal="center" vertical="center" wrapText="1"/>
    </xf>
    <xf numFmtId="0" fontId="7" fillId="0" borderId="10" xfId="0" applyNumberFormat="1" applyFont="1" applyFill="1" applyBorder="1" applyAlignment="1">
      <alignment horizontal="center" vertical="center" wrapText="1"/>
    </xf>
    <xf numFmtId="49" fontId="2" fillId="0" borderId="39" xfId="0" applyNumberFormat="1" applyFont="1" applyFill="1" applyBorder="1" applyAlignment="1">
      <alignment horizontal="center" vertical="center" wrapText="1"/>
    </xf>
    <xf numFmtId="0" fontId="2" fillId="0" borderId="0" xfId="0" applyFont="1" applyBorder="1" applyAlignment="1">
      <alignment vertical="top" wrapText="1"/>
    </xf>
    <xf numFmtId="0" fontId="2" fillId="0" borderId="28" xfId="0" applyFont="1" applyFill="1" applyBorder="1" applyAlignment="1">
      <alignment horizontal="center" vertical="center" wrapText="1"/>
    </xf>
    <xf numFmtId="0" fontId="2" fillId="0" borderId="29" xfId="0" applyFont="1" applyFill="1" applyBorder="1" applyAlignment="1">
      <alignment horizontal="center" vertical="center" wrapText="1"/>
    </xf>
    <xf numFmtId="0" fontId="2" fillId="0" borderId="33" xfId="0" applyNumberFormat="1" applyFont="1" applyBorder="1" applyAlignment="1">
      <alignment horizontal="center" vertical="center" wrapText="1"/>
    </xf>
    <xf numFmtId="49" fontId="4" fillId="0" borderId="24" xfId="0" applyNumberFormat="1" applyFont="1" applyFill="1" applyBorder="1" applyAlignment="1">
      <alignment horizontal="left" vertical="center" wrapText="1"/>
    </xf>
    <xf numFmtId="0" fontId="2" fillId="0" borderId="33" xfId="0" applyNumberFormat="1" applyFont="1" applyFill="1" applyBorder="1" applyAlignment="1">
      <alignment horizontal="center" vertical="center" wrapText="1"/>
    </xf>
    <xf numFmtId="0" fontId="2" fillId="0" borderId="21" xfId="0" applyFont="1" applyFill="1" applyBorder="1" applyAlignment="1">
      <alignment horizontal="center" vertical="center" wrapText="1"/>
    </xf>
    <xf numFmtId="49" fontId="4" fillId="0" borderId="8" xfId="0" applyNumberFormat="1" applyFont="1" applyFill="1" applyBorder="1" applyAlignment="1">
      <alignment horizontal="center" vertical="center"/>
    </xf>
    <xf numFmtId="49" fontId="5" fillId="5" borderId="8" xfId="0" applyNumberFormat="1" applyFont="1" applyFill="1" applyBorder="1" applyAlignment="1">
      <alignment vertical="center"/>
    </xf>
    <xf numFmtId="49" fontId="5" fillId="5" borderId="10" xfId="0" applyNumberFormat="1" applyFont="1" applyFill="1" applyBorder="1" applyAlignment="1">
      <alignment vertical="center"/>
    </xf>
    <xf numFmtId="49" fontId="4" fillId="5" borderId="10" xfId="0" applyNumberFormat="1" applyFont="1" applyFill="1" applyBorder="1" applyAlignment="1">
      <alignment horizontal="center" vertical="center"/>
    </xf>
    <xf numFmtId="49" fontId="2" fillId="5" borderId="10" xfId="0" applyNumberFormat="1" applyFont="1" applyFill="1" applyBorder="1" applyAlignment="1">
      <alignment horizontal="center" vertical="center" wrapText="1"/>
    </xf>
    <xf numFmtId="49" fontId="2" fillId="0" borderId="31" xfId="0" applyNumberFormat="1" applyFont="1" applyBorder="1" applyAlignment="1">
      <alignment vertical="center" wrapText="1"/>
    </xf>
    <xf numFmtId="49" fontId="2" fillId="0" borderId="30" xfId="0" applyNumberFormat="1" applyFont="1" applyBorder="1" applyAlignment="1">
      <alignment vertical="center" wrapText="1"/>
    </xf>
    <xf numFmtId="49" fontId="2" fillId="0" borderId="5" xfId="0" applyNumberFormat="1" applyFont="1" applyBorder="1" applyAlignment="1">
      <alignment horizontal="center" vertical="center" wrapText="1"/>
    </xf>
    <xf numFmtId="49" fontId="2" fillId="0" borderId="23" xfId="0" applyNumberFormat="1" applyFont="1" applyBorder="1" applyAlignment="1">
      <alignment horizontal="center" vertical="center" wrapText="1"/>
    </xf>
    <xf numFmtId="49" fontId="10" fillId="0" borderId="10" xfId="0" applyNumberFormat="1" applyFont="1" applyFill="1" applyBorder="1" applyAlignment="1">
      <alignment horizontal="left" vertical="center" wrapText="1"/>
    </xf>
    <xf numFmtId="0" fontId="10" fillId="0" borderId="40" xfId="0" applyFont="1" applyFill="1" applyBorder="1" applyAlignment="1">
      <alignment vertical="center" wrapText="1"/>
    </xf>
    <xf numFmtId="0" fontId="2" fillId="0" borderId="0" xfId="0" applyFont="1" applyAlignment="1">
      <alignment horizontal="left" wrapText="1"/>
    </xf>
    <xf numFmtId="0" fontId="3" fillId="2" borderId="14" xfId="0" applyFont="1" applyFill="1" applyBorder="1" applyAlignment="1">
      <alignment horizontal="center" vertical="top" wrapText="1"/>
    </xf>
    <xf numFmtId="0" fontId="3" fillId="2" borderId="13" xfId="0" applyFont="1" applyFill="1" applyBorder="1" applyAlignment="1">
      <alignment horizontal="center" vertical="top" wrapText="1"/>
    </xf>
    <xf numFmtId="0" fontId="3" fillId="2" borderId="2" xfId="0" applyFont="1" applyFill="1" applyBorder="1" applyAlignment="1">
      <alignment horizontal="center" vertical="top" wrapText="1"/>
    </xf>
    <xf numFmtId="49" fontId="2" fillId="2" borderId="16" xfId="0" applyNumberFormat="1" applyFont="1" applyFill="1" applyBorder="1" applyAlignment="1">
      <alignment horizontal="center" vertical="center" wrapText="1"/>
    </xf>
    <xf numFmtId="49" fontId="2" fillId="2" borderId="4" xfId="0" applyNumberFormat="1" applyFont="1" applyFill="1" applyBorder="1" applyAlignment="1">
      <alignment horizontal="center" vertical="center" wrapText="1"/>
    </xf>
    <xf numFmtId="49" fontId="5" fillId="5" borderId="8" xfId="0" applyNumberFormat="1" applyFont="1" applyFill="1" applyBorder="1" applyAlignment="1">
      <alignment horizontal="left" vertical="center" wrapText="1"/>
    </xf>
    <xf numFmtId="49" fontId="5" fillId="5" borderId="10" xfId="0" applyNumberFormat="1" applyFont="1" applyFill="1" applyBorder="1" applyAlignment="1">
      <alignment horizontal="left" vertical="center" wrapText="1"/>
    </xf>
    <xf numFmtId="49" fontId="5" fillId="5" borderId="9" xfId="0" applyNumberFormat="1" applyFont="1" applyFill="1" applyBorder="1" applyAlignment="1">
      <alignment horizontal="left" vertical="center" wrapText="1"/>
    </xf>
    <xf numFmtId="49" fontId="5" fillId="5" borderId="38" xfId="0" applyNumberFormat="1" applyFont="1" applyFill="1" applyBorder="1" applyAlignment="1">
      <alignment horizontal="left" vertical="center"/>
    </xf>
    <xf numFmtId="49" fontId="5" fillId="5" borderId="6" xfId="0" applyNumberFormat="1" applyFont="1" applyFill="1" applyBorder="1" applyAlignment="1">
      <alignment horizontal="left" vertical="center"/>
    </xf>
    <xf numFmtId="49" fontId="5" fillId="5" borderId="5" xfId="0" applyNumberFormat="1" applyFont="1" applyFill="1" applyBorder="1" applyAlignment="1">
      <alignment horizontal="center" vertical="center"/>
    </xf>
    <xf numFmtId="49" fontId="5" fillId="5" borderId="23" xfId="0" applyNumberFormat="1" applyFont="1" applyFill="1" applyBorder="1" applyAlignment="1">
      <alignment horizontal="center" vertical="center"/>
    </xf>
    <xf numFmtId="49" fontId="3" fillId="5" borderId="5" xfId="0" applyNumberFormat="1" applyFont="1" applyFill="1" applyBorder="1" applyAlignment="1">
      <alignment horizontal="center" vertical="center" wrapText="1"/>
    </xf>
    <xf numFmtId="49" fontId="3" fillId="5" borderId="23" xfId="0" applyNumberFormat="1" applyFont="1" applyFill="1" applyBorder="1" applyAlignment="1">
      <alignment horizontal="center" vertical="center" wrapText="1"/>
    </xf>
    <xf numFmtId="49" fontId="3" fillId="5" borderId="38" xfId="0" applyNumberFormat="1" applyFont="1" applyFill="1" applyBorder="1" applyAlignment="1">
      <alignment horizontal="left" vertical="center" wrapText="1"/>
    </xf>
    <xf numFmtId="49" fontId="3" fillId="5" borderId="6" xfId="0" applyNumberFormat="1" applyFont="1" applyFill="1" applyBorder="1" applyAlignment="1">
      <alignment horizontal="left" vertical="center" wrapText="1"/>
    </xf>
    <xf numFmtId="49" fontId="2" fillId="0" borderId="5" xfId="0" applyNumberFormat="1" applyFont="1" applyBorder="1" applyAlignment="1">
      <alignment horizontal="center" vertical="center" wrapText="1"/>
    </xf>
    <xf numFmtId="49" fontId="2" fillId="0" borderId="23" xfId="0" applyNumberFormat="1" applyFont="1" applyBorder="1" applyAlignment="1">
      <alignment horizontal="center" vertical="center" wrapText="1"/>
    </xf>
    <xf numFmtId="49" fontId="3" fillId="2" borderId="1" xfId="0" applyNumberFormat="1" applyFont="1" applyFill="1" applyBorder="1" applyAlignment="1">
      <alignment horizontal="left" vertical="top" wrapText="1"/>
    </xf>
    <xf numFmtId="49" fontId="3" fillId="2" borderId="13" xfId="0" applyNumberFormat="1" applyFont="1" applyFill="1" applyBorder="1" applyAlignment="1">
      <alignment horizontal="left" vertical="top" wrapText="1"/>
    </xf>
    <xf numFmtId="49" fontId="3" fillId="2" borderId="12" xfId="0" applyNumberFormat="1" applyFont="1" applyFill="1" applyBorder="1" applyAlignment="1">
      <alignment horizontal="left" vertical="top" wrapText="1"/>
    </xf>
    <xf numFmtId="49" fontId="3" fillId="2" borderId="3" xfId="0" applyNumberFormat="1" applyFont="1" applyFill="1" applyBorder="1" applyAlignment="1">
      <alignment horizontal="left" vertical="top" wrapText="1"/>
    </xf>
    <xf numFmtId="0" fontId="4" fillId="0" borderId="5" xfId="0" applyFont="1" applyFill="1" applyBorder="1" applyAlignment="1">
      <alignment horizontal="left" vertical="center" wrapText="1"/>
    </xf>
    <xf numFmtId="0" fontId="4" fillId="0" borderId="6" xfId="0" applyFont="1" applyFill="1" applyBorder="1" applyAlignment="1">
      <alignment horizontal="left" vertical="center" wrapText="1"/>
    </xf>
    <xf numFmtId="49" fontId="2" fillId="0" borderId="5" xfId="0" applyNumberFormat="1" applyFont="1" applyFill="1" applyBorder="1" applyAlignment="1">
      <alignment horizontal="left" vertical="center" wrapText="1"/>
    </xf>
    <xf numFmtId="49" fontId="2" fillId="0" borderId="6" xfId="0" applyNumberFormat="1" applyFont="1" applyFill="1" applyBorder="1" applyAlignment="1">
      <alignment horizontal="left" vertical="center" wrapText="1"/>
    </xf>
    <xf numFmtId="49" fontId="2" fillId="0" borderId="10" xfId="0" applyNumberFormat="1" applyFont="1" applyBorder="1" applyAlignment="1">
      <alignment horizontal="center" vertical="center" wrapText="1"/>
    </xf>
    <xf numFmtId="49" fontId="2" fillId="0" borderId="9" xfId="0" applyNumberFormat="1" applyFont="1" applyBorder="1" applyAlignment="1">
      <alignment horizontal="center" vertical="center" wrapText="1"/>
    </xf>
    <xf numFmtId="0" fontId="3" fillId="2" borderId="19" xfId="0" applyFont="1" applyFill="1" applyBorder="1" applyAlignment="1">
      <alignment horizontal="center" vertical="top" wrapText="1"/>
    </xf>
    <xf numFmtId="0" fontId="3" fillId="2" borderId="20" xfId="0" applyFont="1" applyFill="1" applyBorder="1" applyAlignment="1">
      <alignment horizontal="center" vertical="top" wrapText="1"/>
    </xf>
    <xf numFmtId="49" fontId="2" fillId="2" borderId="10" xfId="0" applyNumberFormat="1" applyFont="1" applyFill="1" applyBorder="1" applyAlignment="1">
      <alignment horizontal="center" vertical="center" wrapText="1"/>
    </xf>
    <xf numFmtId="49" fontId="2" fillId="2" borderId="9" xfId="0" applyNumberFormat="1" applyFont="1" applyFill="1" applyBorder="1" applyAlignment="1">
      <alignment horizontal="center" vertical="center" wrapText="1"/>
    </xf>
    <xf numFmtId="0" fontId="14" fillId="0" borderId="31" xfId="0" applyFont="1" applyFill="1" applyBorder="1" applyAlignment="1">
      <alignment horizontal="left" vertical="center" wrapText="1"/>
    </xf>
    <xf numFmtId="0" fontId="14" fillId="0" borderId="30" xfId="0" applyFont="1" applyFill="1" applyBorder="1" applyAlignment="1">
      <alignment horizontal="left" vertical="center" wrapText="1"/>
    </xf>
    <xf numFmtId="0" fontId="2" fillId="0" borderId="31" xfId="0" applyFont="1" applyFill="1" applyBorder="1" applyAlignment="1">
      <alignment horizontal="left" vertical="center" wrapText="1"/>
    </xf>
    <xf numFmtId="0" fontId="2" fillId="0" borderId="30" xfId="0" applyFont="1" applyFill="1" applyBorder="1" applyAlignment="1">
      <alignment horizontal="left" vertical="center" wrapText="1"/>
    </xf>
    <xf numFmtId="0" fontId="2" fillId="0" borderId="25" xfId="0" applyFont="1" applyFill="1" applyBorder="1" applyAlignment="1">
      <alignment horizontal="left" vertical="center" wrapText="1"/>
    </xf>
    <xf numFmtId="0" fontId="2" fillId="0" borderId="26" xfId="0" applyFont="1" applyFill="1" applyBorder="1" applyAlignment="1">
      <alignment horizontal="left" vertical="center" wrapText="1"/>
    </xf>
    <xf numFmtId="0" fontId="4" fillId="0" borderId="0" xfId="0" applyFont="1" applyFill="1" applyAlignment="1">
      <alignment horizontal="left" vertical="top" wrapText="1"/>
    </xf>
    <xf numFmtId="0" fontId="3" fillId="4" borderId="0" xfId="0" applyFont="1" applyFill="1" applyAlignment="1">
      <alignment horizontal="center" vertical="center" wrapText="1"/>
    </xf>
    <xf numFmtId="0" fontId="2" fillId="0" borderId="0" xfId="0" applyFont="1" applyAlignment="1">
      <alignment horizontal="center" vertical="center" wrapText="1"/>
    </xf>
    <xf numFmtId="0" fontId="3" fillId="0" borderId="0" xfId="0" applyFont="1" applyAlignment="1">
      <alignment horizontal="center" vertical="center"/>
    </xf>
    <xf numFmtId="0" fontId="3" fillId="0" borderId="0" xfId="0" applyFont="1" applyFill="1" applyAlignment="1">
      <alignment horizontal="left" vertical="center" wrapText="1"/>
    </xf>
    <xf numFmtId="0" fontId="8" fillId="0" borderId="0" xfId="0" applyFont="1" applyFill="1" applyAlignment="1">
      <alignment horizontal="left" vertical="center" wrapText="1"/>
    </xf>
    <xf numFmtId="0" fontId="4" fillId="0" borderId="0" xfId="0" applyFont="1" applyAlignment="1">
      <alignment horizontal="left" vertical="top" wrapText="1"/>
    </xf>
    <xf numFmtId="0" fontId="2" fillId="0" borderId="0" xfId="0" applyFont="1" applyFill="1" applyAlignment="1">
      <alignment horizontal="center" vertical="top" wrapText="1"/>
    </xf>
    <xf numFmtId="16" fontId="3" fillId="0" borderId="0" xfId="0" applyNumberFormat="1" applyFont="1" applyFill="1" applyAlignment="1">
      <alignment horizontal="left" vertical="top" wrapText="1"/>
    </xf>
    <xf numFmtId="16" fontId="5" fillId="0" borderId="0" xfId="0" applyNumberFormat="1" applyFont="1" applyFill="1" applyAlignment="1">
      <alignment horizontal="left" vertical="top" wrapText="1"/>
    </xf>
    <xf numFmtId="49" fontId="4" fillId="0" borderId="0" xfId="0" applyNumberFormat="1" applyFont="1" applyFill="1" applyAlignment="1">
      <alignment horizontal="left" vertical="top" wrapText="1"/>
    </xf>
    <xf numFmtId="0" fontId="2" fillId="0" borderId="10" xfId="0" applyFont="1" applyFill="1" applyBorder="1" applyAlignment="1">
      <alignment horizontal="center" vertical="center" wrapText="1"/>
    </xf>
    <xf numFmtId="0" fontId="2" fillId="0" borderId="9" xfId="0" applyFont="1" applyFill="1" applyBorder="1" applyAlignment="1">
      <alignment horizontal="center" vertical="center" wrapText="1"/>
    </xf>
    <xf numFmtId="49" fontId="4" fillId="0" borderId="0" xfId="0" applyNumberFormat="1" applyFont="1" applyFill="1" applyAlignment="1">
      <alignment horizontal="left" vertical="center" wrapText="1"/>
    </xf>
    <xf numFmtId="0" fontId="2" fillId="0" borderId="5" xfId="0" applyFont="1" applyFill="1" applyBorder="1" applyAlignment="1">
      <alignment horizontal="left" vertical="center" wrapText="1"/>
    </xf>
    <xf numFmtId="0" fontId="2" fillId="0" borderId="23" xfId="0" applyFont="1" applyFill="1" applyBorder="1" applyAlignment="1">
      <alignment horizontal="left" vertical="center" wrapText="1"/>
    </xf>
    <xf numFmtId="0" fontId="2" fillId="0" borderId="10" xfId="0" applyFont="1" applyFill="1" applyBorder="1" applyAlignment="1">
      <alignment horizontal="left" vertical="center" wrapText="1"/>
    </xf>
    <xf numFmtId="0" fontId="2" fillId="0" borderId="9" xfId="0" applyFont="1" applyFill="1" applyBorder="1" applyAlignment="1">
      <alignment horizontal="left" vertical="center" wrapText="1"/>
    </xf>
    <xf numFmtId="49" fontId="3" fillId="2" borderId="34" xfId="0" applyNumberFormat="1" applyFont="1" applyFill="1" applyBorder="1" applyAlignment="1">
      <alignment horizontal="left" vertical="top" wrapText="1"/>
    </xf>
    <xf numFmtId="49" fontId="3" fillId="2" borderId="0" xfId="0" applyNumberFormat="1" applyFont="1" applyFill="1" applyBorder="1" applyAlignment="1">
      <alignment horizontal="left" vertical="top" wrapText="1"/>
    </xf>
    <xf numFmtId="49" fontId="2" fillId="2" borderId="36" xfId="0" applyNumberFormat="1" applyFont="1" applyFill="1" applyBorder="1" applyAlignment="1">
      <alignment horizontal="center" vertical="center" wrapText="1"/>
    </xf>
    <xf numFmtId="49" fontId="2" fillId="2" borderId="37" xfId="0" applyNumberFormat="1" applyFont="1" applyFill="1" applyBorder="1" applyAlignment="1">
      <alignment horizontal="center" vertical="center" wrapText="1"/>
    </xf>
    <xf numFmtId="0" fontId="12" fillId="0" borderId="7" xfId="0" applyFont="1" applyBorder="1" applyAlignment="1">
      <alignment horizontal="center"/>
    </xf>
    <xf numFmtId="0" fontId="11" fillId="0" borderId="10" xfId="0" applyNumberFormat="1" applyFont="1" applyBorder="1" applyAlignment="1">
      <alignment horizontal="left" vertical="center" wrapText="1"/>
    </xf>
    <xf numFmtId="0" fontId="7" fillId="0" borderId="10" xfId="0" applyNumberFormat="1" applyFont="1" applyBorder="1" applyAlignment="1">
      <alignment horizontal="left" vertical="center" wrapText="1"/>
    </xf>
    <xf numFmtId="0" fontId="7" fillId="0" borderId="0" xfId="5" applyFont="1" applyAlignment="1">
      <alignment horizontal="center" vertical="top" wrapText="1"/>
    </xf>
    <xf numFmtId="49" fontId="4" fillId="0" borderId="0" xfId="1" applyNumberFormat="1" applyFont="1" applyFill="1" applyBorder="1" applyAlignment="1">
      <alignment horizontal="left" vertical="top" wrapText="1"/>
    </xf>
    <xf numFmtId="0" fontId="6" fillId="0" borderId="0" xfId="4" applyFont="1" applyAlignment="1">
      <alignment horizontal="left" vertical="center" wrapText="1"/>
    </xf>
    <xf numFmtId="0" fontId="11" fillId="0" borderId="0" xfId="5" applyFont="1" applyAlignment="1">
      <alignment horizontal="center" vertical="center" wrapText="1"/>
    </xf>
    <xf numFmtId="0" fontId="2" fillId="0" borderId="5" xfId="0" applyFont="1" applyFill="1" applyBorder="1" applyAlignment="1">
      <alignment horizontal="center" vertical="center" wrapText="1"/>
    </xf>
    <xf numFmtId="0" fontId="2" fillId="0" borderId="23" xfId="0" applyFont="1" applyFill="1" applyBorder="1" applyAlignment="1">
      <alignment horizontal="center" vertical="center" wrapText="1"/>
    </xf>
    <xf numFmtId="49" fontId="3" fillId="0" borderId="0" xfId="0" applyNumberFormat="1" applyFont="1" applyFill="1" applyAlignment="1">
      <alignment horizontal="left" vertical="center" wrapText="1"/>
    </xf>
    <xf numFmtId="0" fontId="2" fillId="3" borderId="5" xfId="0" applyFont="1" applyFill="1" applyBorder="1" applyAlignment="1">
      <alignment horizontal="left" vertical="top" wrapText="1"/>
    </xf>
    <xf numFmtId="0" fontId="2" fillId="3" borderId="6" xfId="0" applyFont="1" applyFill="1" applyBorder="1" applyAlignment="1">
      <alignment horizontal="left" vertical="top" wrapText="1"/>
    </xf>
    <xf numFmtId="49" fontId="2" fillId="0" borderId="10" xfId="0" applyNumberFormat="1" applyFont="1" applyBorder="1" applyAlignment="1">
      <alignment horizontal="left" vertical="center" wrapText="1"/>
    </xf>
    <xf numFmtId="49" fontId="2" fillId="0" borderId="9" xfId="0" applyNumberFormat="1" applyFont="1" applyBorder="1" applyAlignment="1">
      <alignment horizontal="left" vertical="center" wrapText="1"/>
    </xf>
    <xf numFmtId="49" fontId="3" fillId="2" borderId="32" xfId="0" applyNumberFormat="1" applyFont="1" applyFill="1" applyBorder="1" applyAlignment="1">
      <alignment horizontal="left" vertical="top" wrapText="1"/>
    </xf>
    <xf numFmtId="49" fontId="3" fillId="2" borderId="19" xfId="0" applyNumberFormat="1" applyFont="1" applyFill="1" applyBorder="1" applyAlignment="1">
      <alignment horizontal="left" vertical="top" wrapText="1"/>
    </xf>
    <xf numFmtId="49" fontId="3" fillId="2" borderId="8" xfId="0" applyNumberFormat="1" applyFont="1" applyFill="1" applyBorder="1" applyAlignment="1">
      <alignment horizontal="left" vertical="top" wrapText="1"/>
    </xf>
    <xf numFmtId="49" fontId="3" fillId="2" borderId="10" xfId="0" applyNumberFormat="1" applyFont="1" applyFill="1" applyBorder="1" applyAlignment="1">
      <alignment horizontal="left" vertical="top" wrapText="1"/>
    </xf>
    <xf numFmtId="49" fontId="2" fillId="0" borderId="28" xfId="0" applyNumberFormat="1" applyFont="1" applyBorder="1" applyAlignment="1">
      <alignment horizontal="center" vertical="center" wrapText="1"/>
    </xf>
    <xf numFmtId="49" fontId="2" fillId="0" borderId="29" xfId="0" applyNumberFormat="1" applyFont="1" applyBorder="1" applyAlignment="1">
      <alignment horizontal="center" vertical="center" wrapText="1"/>
    </xf>
  </cellXfs>
  <cellStyles count="6">
    <cellStyle name="Normálna 2" xfId="2"/>
    <cellStyle name="Normálne" xfId="0" builtinId="0"/>
    <cellStyle name="Normálne 2" xfId="3"/>
    <cellStyle name="normálne 2 2" xfId="1"/>
    <cellStyle name="normálne 2 2 2" xfId="4"/>
    <cellStyle name="Normálne 4" xfId="5"/>
  </cellStyles>
  <dxfs count="12">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s>
  <tableStyles count="0" defaultTableStyle="TableStyleMedium2" defaultPivotStyle="PivotStyleLight16"/>
  <colors>
    <mruColors>
      <color rgb="FFEDDBC9"/>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ctrlProps/ctrlProp1.xml><?xml version="1.0" encoding="utf-8"?>
<formControlPr xmlns="http://schemas.microsoft.com/office/spreadsheetml/2009/9/main" objectType="CheckBox" lockText="1" noThreeD="1"/>
</file>

<file path=xl/ctrlProps/ctrlProp2.xml><?xml version="1.0" encoding="utf-8"?>
<formControlPr xmlns="http://schemas.microsoft.com/office/spreadsheetml/2009/9/main" objectType="CheckBox" checked="Checked" lockText="1" noThreeD="1"/>
</file>

<file path=xl/ctrlProps/ctrlProp3.xml><?xml version="1.0" encoding="utf-8"?>
<formControlPr xmlns="http://schemas.microsoft.com/office/spreadsheetml/2009/9/main" objectType="CheckBox" checked="Checked" lockText="1" noThreeD="1"/>
</file>

<file path=xl/ctrlProps/ctrlProp4.xml><?xml version="1.0" encoding="utf-8"?>
<formControlPr xmlns="http://schemas.microsoft.com/office/spreadsheetml/2009/9/main" objectType="CheckBox" lockText="1" noThreeD="1"/>
</file>

<file path=xl/drawings/drawing1.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1</xdr:col>
          <xdr:colOff>628650</xdr:colOff>
          <xdr:row>23</xdr:row>
          <xdr:rowOff>0</xdr:rowOff>
        </xdr:from>
        <xdr:to>
          <xdr:col>1</xdr:col>
          <xdr:colOff>885825</xdr:colOff>
          <xdr:row>23</xdr:row>
          <xdr:rowOff>219075</xdr:rowOff>
        </xdr:to>
        <xdr:sp macro="" textlink="">
          <xdr:nvSpPr>
            <xdr:cNvPr id="8195" name="Check Box 3" hidden="1">
              <a:extLst>
                <a:ext uri="{63B3BB69-23CF-44E3-9099-C40C66FF867C}">
                  <a14:compatExt spid="_x0000_s819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628650</xdr:colOff>
          <xdr:row>24</xdr:row>
          <xdr:rowOff>9525</xdr:rowOff>
        </xdr:from>
        <xdr:to>
          <xdr:col>1</xdr:col>
          <xdr:colOff>885825</xdr:colOff>
          <xdr:row>24</xdr:row>
          <xdr:rowOff>228600</xdr:rowOff>
        </xdr:to>
        <xdr:sp macro="" textlink="">
          <xdr:nvSpPr>
            <xdr:cNvPr id="8196" name="Check Box 4" hidden="1">
              <a:extLst>
                <a:ext uri="{63B3BB69-23CF-44E3-9099-C40C66FF867C}">
                  <a14:compatExt spid="_x0000_s819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628650</xdr:colOff>
          <xdr:row>31</xdr:row>
          <xdr:rowOff>9525</xdr:rowOff>
        </xdr:from>
        <xdr:to>
          <xdr:col>1</xdr:col>
          <xdr:colOff>885825</xdr:colOff>
          <xdr:row>31</xdr:row>
          <xdr:rowOff>228600</xdr:rowOff>
        </xdr:to>
        <xdr:sp macro="" textlink="">
          <xdr:nvSpPr>
            <xdr:cNvPr id="8197" name="Check Box 5" hidden="1">
              <a:extLst>
                <a:ext uri="{63B3BB69-23CF-44E3-9099-C40C66FF867C}">
                  <a14:compatExt spid="_x0000_s819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628650</xdr:colOff>
          <xdr:row>32</xdr:row>
          <xdr:rowOff>0</xdr:rowOff>
        </xdr:from>
        <xdr:to>
          <xdr:col>1</xdr:col>
          <xdr:colOff>885825</xdr:colOff>
          <xdr:row>32</xdr:row>
          <xdr:rowOff>219075</xdr:rowOff>
        </xdr:to>
        <xdr:sp macro="" textlink="">
          <xdr:nvSpPr>
            <xdr:cNvPr id="8198" name="Check Box 6" hidden="1">
              <a:extLst>
                <a:ext uri="{63B3BB69-23CF-44E3-9099-C40C66FF867C}">
                  <a14:compatExt spid="_x0000_s819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wsDr>
</file>

<file path=xl/theme/theme1.xml><?xml version="1.0" encoding="utf-8"?>
<a:theme xmlns:a="http://schemas.openxmlformats.org/drawingml/2006/main" name="Motív balíka Offic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3" Type="http://schemas.openxmlformats.org/officeDocument/2006/relationships/vmlDrawing" Target="../drawings/vmlDrawing1.vml"/><Relationship Id="rId7" Type="http://schemas.openxmlformats.org/officeDocument/2006/relationships/ctrlProp" Target="../ctrlProps/ctrlProp4.xml"/><Relationship Id="rId2" Type="http://schemas.openxmlformats.org/officeDocument/2006/relationships/drawing" Target="../drawings/drawing1.xml"/><Relationship Id="rId1" Type="http://schemas.openxmlformats.org/officeDocument/2006/relationships/printerSettings" Target="../printerSettings/printerSettings1.bin"/><Relationship Id="rId6" Type="http://schemas.openxmlformats.org/officeDocument/2006/relationships/ctrlProp" Target="../ctrlProps/ctrlProp3.xml"/><Relationship Id="rId5" Type="http://schemas.openxmlformats.org/officeDocument/2006/relationships/ctrlProp" Target="../ctrlProps/ctrlProp2.xml"/><Relationship Id="rId4" Type="http://schemas.openxmlformats.org/officeDocument/2006/relationships/ctrlProp" Target="../ctrlProps/ctrlProp1.xml"/></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tabColor rgb="FF92D050"/>
    <pageSetUpPr fitToPage="1"/>
  </sheetPr>
  <dimension ref="A1:I222"/>
  <sheetViews>
    <sheetView showGridLines="0" tabSelected="1" topLeftCell="A38" zoomScaleNormal="100" workbookViewId="0">
      <selection activeCell="E59" sqref="E59:F59"/>
    </sheetView>
  </sheetViews>
  <sheetFormatPr defaultRowHeight="12.75" x14ac:dyDescent="0.2"/>
  <cols>
    <col min="1" max="1" width="1.85546875" style="1" customWidth="1"/>
    <col min="2" max="2" width="13.5703125" style="1" customWidth="1"/>
    <col min="3" max="3" width="70.42578125" style="1" customWidth="1"/>
    <col min="4" max="4" width="16.42578125" style="8" customWidth="1"/>
    <col min="5" max="5" width="13.7109375" style="8" customWidth="1"/>
    <col min="6" max="6" width="19.7109375" style="2" customWidth="1"/>
    <col min="7" max="7" width="17.140625" style="1" customWidth="1"/>
    <col min="8" max="8" width="9.140625" style="1"/>
    <col min="9" max="9" width="9.140625" style="1" customWidth="1"/>
    <col min="10" max="16384" width="9.140625" style="1"/>
  </cols>
  <sheetData>
    <row r="1" spans="2:6" ht="24" customHeight="1" x14ac:dyDescent="0.2">
      <c r="B1" s="134" t="s">
        <v>44</v>
      </c>
      <c r="C1" s="134"/>
      <c r="D1" s="134"/>
      <c r="E1" s="134"/>
      <c r="F1" s="134"/>
    </row>
    <row r="2" spans="2:6" ht="27.75" customHeight="1" x14ac:dyDescent="0.2">
      <c r="B2" s="133" t="s">
        <v>42</v>
      </c>
      <c r="C2" s="133"/>
      <c r="D2" s="133"/>
      <c r="E2" s="133"/>
      <c r="F2" s="133"/>
    </row>
    <row r="3" spans="2:6" ht="54.75" customHeight="1" x14ac:dyDescent="0.2">
      <c r="B3" s="138" t="s">
        <v>48</v>
      </c>
      <c r="C3" s="138"/>
      <c r="D3" s="138"/>
      <c r="E3" s="138"/>
      <c r="F3" s="138"/>
    </row>
    <row r="4" spans="2:6" ht="24.95" customHeight="1" x14ac:dyDescent="0.2">
      <c r="B4" s="39" t="s">
        <v>47</v>
      </c>
      <c r="C4" s="40"/>
      <c r="D4" s="36"/>
      <c r="E4" s="36"/>
      <c r="F4" s="36"/>
    </row>
    <row r="5" spans="2:6" ht="24.95" customHeight="1" x14ac:dyDescent="0.2">
      <c r="B5" s="39" t="s">
        <v>45</v>
      </c>
      <c r="C5" s="41"/>
      <c r="D5" s="36"/>
      <c r="E5" s="36"/>
      <c r="F5" s="36"/>
    </row>
    <row r="6" spans="2:6" ht="5.0999999999999996" customHeight="1" x14ac:dyDescent="0.2">
      <c r="B6" s="36"/>
      <c r="C6" s="36"/>
      <c r="D6" s="36"/>
      <c r="E6" s="36"/>
      <c r="F6" s="36"/>
    </row>
    <row r="7" spans="2:6" s="2" customFormat="1" ht="20.100000000000001" customHeight="1" x14ac:dyDescent="0.25">
      <c r="B7" s="132" t="s">
        <v>3</v>
      </c>
      <c r="C7" s="132"/>
      <c r="D7" s="132"/>
      <c r="E7" s="132"/>
      <c r="F7" s="132"/>
    </row>
    <row r="8" spans="2:6" s="2" customFormat="1" ht="20.100000000000001" customHeight="1" x14ac:dyDescent="0.25">
      <c r="B8" s="139" t="s">
        <v>7</v>
      </c>
      <c r="C8" s="139"/>
      <c r="D8" s="139"/>
      <c r="E8" s="139"/>
      <c r="F8" s="139"/>
    </row>
    <row r="9" spans="2:6" ht="24.95" customHeight="1" x14ac:dyDescent="0.2">
      <c r="B9" s="141" t="s">
        <v>90</v>
      </c>
      <c r="C9" s="141"/>
      <c r="D9" s="141"/>
      <c r="E9" s="131"/>
      <c r="F9" s="131"/>
    </row>
    <row r="10" spans="2:6" ht="4.5" customHeight="1" x14ac:dyDescent="0.2">
      <c r="B10" s="38"/>
      <c r="C10" s="38"/>
      <c r="D10" s="38"/>
      <c r="E10" s="38"/>
      <c r="F10" s="38"/>
    </row>
    <row r="11" spans="2:6" s="2" customFormat="1" ht="20.100000000000001" customHeight="1" x14ac:dyDescent="0.25">
      <c r="B11" s="140" t="s">
        <v>8</v>
      </c>
      <c r="C11" s="140"/>
      <c r="D11" s="140"/>
      <c r="E11" s="140"/>
      <c r="F11" s="140"/>
    </row>
    <row r="12" spans="2:6" s="2" customFormat="1" ht="20.100000000000001" customHeight="1" x14ac:dyDescent="0.25">
      <c r="B12" s="131" t="s">
        <v>88</v>
      </c>
      <c r="C12" s="131"/>
      <c r="D12" s="131"/>
      <c r="E12" s="42"/>
      <c r="F12" s="42"/>
    </row>
    <row r="13" spans="2:6" s="3" customFormat="1" ht="20.100000000000001" customHeight="1" x14ac:dyDescent="0.25">
      <c r="B13" s="131" t="s">
        <v>89</v>
      </c>
      <c r="C13" s="131"/>
      <c r="D13" s="131"/>
      <c r="E13" s="18"/>
      <c r="F13" s="19"/>
    </row>
    <row r="14" spans="2:6" ht="4.5" customHeight="1" x14ac:dyDescent="0.2">
      <c r="B14" s="43"/>
      <c r="C14" s="43"/>
      <c r="D14" s="43"/>
      <c r="E14" s="38"/>
      <c r="F14" s="38"/>
    </row>
    <row r="15" spans="2:6" ht="20.100000000000001" customHeight="1" x14ac:dyDescent="0.2">
      <c r="B15" s="37" t="s">
        <v>9</v>
      </c>
      <c r="C15" s="20"/>
      <c r="D15" s="20"/>
      <c r="E15" s="21"/>
      <c r="F15" s="21"/>
    </row>
    <row r="16" spans="2:6" s="3" customFormat="1" ht="24.95" customHeight="1" x14ac:dyDescent="0.25">
      <c r="B16" s="137" t="s">
        <v>86</v>
      </c>
      <c r="C16" s="137"/>
      <c r="D16" s="137"/>
      <c r="E16" s="18"/>
      <c r="F16" s="19"/>
    </row>
    <row r="17" spans="2:9" ht="5.0999999999999996" customHeight="1" x14ac:dyDescent="0.2">
      <c r="B17" s="92"/>
      <c r="C17" s="92"/>
      <c r="D17" s="92"/>
      <c r="F17" s="15"/>
    </row>
    <row r="18" spans="2:9" s="2" customFormat="1" ht="20.100000000000001" customHeight="1" x14ac:dyDescent="0.25">
      <c r="B18" s="132" t="s">
        <v>22</v>
      </c>
      <c r="C18" s="132"/>
      <c r="D18" s="132"/>
      <c r="E18" s="132"/>
      <c r="F18" s="132"/>
    </row>
    <row r="19" spans="2:9" ht="46.5" customHeight="1" x14ac:dyDescent="0.2">
      <c r="B19" s="144" t="s">
        <v>91</v>
      </c>
      <c r="C19" s="144"/>
      <c r="D19" s="144"/>
      <c r="E19" s="144"/>
      <c r="F19" s="144"/>
    </row>
    <row r="20" spans="2:9" ht="5.0999999999999996" customHeight="1" x14ac:dyDescent="0.2">
      <c r="B20" s="92"/>
      <c r="C20" s="92"/>
      <c r="D20" s="92"/>
      <c r="F20" s="15"/>
    </row>
    <row r="21" spans="2:9" s="2" customFormat="1" ht="20.100000000000001" customHeight="1" x14ac:dyDescent="0.25">
      <c r="B21" s="132" t="s">
        <v>23</v>
      </c>
      <c r="C21" s="132"/>
      <c r="D21" s="132"/>
      <c r="E21" s="132"/>
      <c r="F21" s="132"/>
    </row>
    <row r="22" spans="2:9" s="9" customFormat="1" ht="20.100000000000001" customHeight="1" x14ac:dyDescent="0.25">
      <c r="B22" s="162" t="s">
        <v>4</v>
      </c>
      <c r="C22" s="162"/>
      <c r="D22" s="162"/>
      <c r="E22" s="162"/>
      <c r="F22" s="162"/>
    </row>
    <row r="23" spans="2:9" s="9" customFormat="1" ht="20.100000000000001" customHeight="1" x14ac:dyDescent="0.25">
      <c r="B23" s="135" t="s">
        <v>16</v>
      </c>
      <c r="C23" s="136"/>
      <c r="D23" s="14"/>
      <c r="E23" s="14"/>
      <c r="F23" s="14"/>
    </row>
    <row r="24" spans="2:9" s="9" customFormat="1" ht="20.100000000000001" customHeight="1" x14ac:dyDescent="0.25">
      <c r="B24" s="13"/>
      <c r="C24" s="13" t="s">
        <v>20</v>
      </c>
      <c r="D24" s="14"/>
      <c r="E24" s="14"/>
      <c r="F24" s="14"/>
    </row>
    <row r="25" spans="2:9" s="9" customFormat="1" ht="20.100000000000001" customHeight="1" x14ac:dyDescent="0.25">
      <c r="B25" s="13"/>
      <c r="C25" s="13" t="s">
        <v>21</v>
      </c>
      <c r="D25" s="14"/>
      <c r="E25" s="14"/>
      <c r="F25" s="14"/>
    </row>
    <row r="26" spans="2:9" s="9" customFormat="1" ht="20.100000000000001" customHeight="1" x14ac:dyDescent="0.25">
      <c r="B26" s="135" t="s">
        <v>17</v>
      </c>
      <c r="C26" s="136"/>
      <c r="D26" s="14"/>
      <c r="E26" s="14"/>
      <c r="F26" s="14"/>
    </row>
    <row r="27" spans="2:9" s="9" customFormat="1" ht="31.5" customHeight="1" x14ac:dyDescent="0.25">
      <c r="B27" s="16" t="s">
        <v>18</v>
      </c>
      <c r="C27" s="163" t="s">
        <v>11</v>
      </c>
      <c r="D27" s="164"/>
      <c r="E27" s="17" t="s">
        <v>10</v>
      </c>
      <c r="F27" s="17" t="s">
        <v>12</v>
      </c>
    </row>
    <row r="28" spans="2:9" s="9" customFormat="1" ht="24.95" customHeight="1" x14ac:dyDescent="0.25">
      <c r="B28" s="54" t="s">
        <v>0</v>
      </c>
      <c r="C28" s="115" t="s">
        <v>94</v>
      </c>
      <c r="D28" s="116"/>
      <c r="E28" s="55" t="s">
        <v>92</v>
      </c>
      <c r="F28" s="56">
        <v>1</v>
      </c>
      <c r="I28" s="46"/>
    </row>
    <row r="29" spans="2:9" s="9" customFormat="1" ht="24.75" customHeight="1" x14ac:dyDescent="0.25">
      <c r="B29" s="59" t="s">
        <v>93</v>
      </c>
      <c r="C29" s="117" t="s">
        <v>95</v>
      </c>
      <c r="D29" s="118"/>
      <c r="E29" s="60" t="s">
        <v>92</v>
      </c>
      <c r="F29" s="60" t="s">
        <v>61</v>
      </c>
    </row>
    <row r="30" spans="2:9" s="9" customFormat="1" ht="4.5" customHeight="1" x14ac:dyDescent="0.25">
      <c r="B30" s="57"/>
      <c r="C30" s="57"/>
      <c r="D30" s="57"/>
      <c r="E30" s="57"/>
      <c r="F30" s="57"/>
    </row>
    <row r="31" spans="2:9" s="9" customFormat="1" ht="20.100000000000001" customHeight="1" x14ac:dyDescent="0.25">
      <c r="B31" s="135" t="s">
        <v>19</v>
      </c>
      <c r="C31" s="136"/>
      <c r="D31" s="14"/>
      <c r="E31" s="14"/>
      <c r="F31" s="14"/>
    </row>
    <row r="32" spans="2:9" s="9" customFormat="1" ht="20.100000000000001" customHeight="1" x14ac:dyDescent="0.2">
      <c r="B32" s="10"/>
      <c r="C32" s="9" t="s">
        <v>1</v>
      </c>
      <c r="D32" s="14"/>
      <c r="E32" s="14"/>
      <c r="F32" s="14"/>
    </row>
    <row r="33" spans="2:7" s="9" customFormat="1" ht="20.100000000000001" customHeight="1" x14ac:dyDescent="0.25">
      <c r="B33" s="13"/>
      <c r="C33" s="2" t="s">
        <v>2</v>
      </c>
      <c r="D33" s="14"/>
      <c r="E33" s="14"/>
      <c r="F33" s="14"/>
    </row>
    <row r="34" spans="2:7" ht="5.0999999999999996" customHeight="1" x14ac:dyDescent="0.2"/>
    <row r="35" spans="2:7" s="2" customFormat="1" ht="20.100000000000001" customHeight="1" x14ac:dyDescent="0.25">
      <c r="B35" s="132" t="s">
        <v>24</v>
      </c>
      <c r="C35" s="132"/>
      <c r="D35" s="132"/>
      <c r="E35" s="132"/>
      <c r="F35" s="132"/>
    </row>
    <row r="36" spans="2:7" s="2" customFormat="1" ht="5.0999999999999996" customHeight="1" thickBot="1" x14ac:dyDescent="0.3">
      <c r="B36" s="15"/>
      <c r="D36" s="6"/>
      <c r="E36" s="6"/>
      <c r="F36" s="6"/>
    </row>
    <row r="37" spans="2:7" s="3" customFormat="1" ht="93" customHeight="1" x14ac:dyDescent="0.25">
      <c r="B37" s="167" t="s">
        <v>242</v>
      </c>
      <c r="C37" s="168"/>
      <c r="D37" s="121" t="s">
        <v>25</v>
      </c>
      <c r="E37" s="121"/>
      <c r="F37" s="122"/>
      <c r="G37" s="22"/>
    </row>
    <row r="38" spans="2:7" s="3" customFormat="1" ht="30" customHeight="1" x14ac:dyDescent="0.25">
      <c r="B38" s="169"/>
      <c r="C38" s="170"/>
      <c r="D38" s="68" t="s">
        <v>26</v>
      </c>
      <c r="E38" s="123" t="s">
        <v>27</v>
      </c>
      <c r="F38" s="124"/>
    </row>
    <row r="39" spans="2:7" s="24" customFormat="1" ht="30.75" customHeight="1" x14ac:dyDescent="0.25">
      <c r="B39" s="98" t="s">
        <v>96</v>
      </c>
      <c r="C39" s="99"/>
      <c r="D39" s="99"/>
      <c r="E39" s="99"/>
      <c r="F39" s="100"/>
    </row>
    <row r="40" spans="2:7" s="4" customFormat="1" ht="20.100000000000001" customHeight="1" x14ac:dyDescent="0.25">
      <c r="B40" s="63">
        <v>1</v>
      </c>
      <c r="C40" s="61" t="s">
        <v>97</v>
      </c>
      <c r="D40" s="45" t="s">
        <v>52</v>
      </c>
      <c r="E40" s="165"/>
      <c r="F40" s="166"/>
    </row>
    <row r="41" spans="2:7" s="4" customFormat="1" ht="20.100000000000001" customHeight="1" x14ac:dyDescent="0.25">
      <c r="B41" s="64" t="s">
        <v>62</v>
      </c>
      <c r="C41" s="62" t="s">
        <v>98</v>
      </c>
      <c r="D41" s="45"/>
      <c r="E41" s="119"/>
      <c r="F41" s="120"/>
    </row>
    <row r="42" spans="2:7" s="4" customFormat="1" ht="20.100000000000001" customHeight="1" x14ac:dyDescent="0.25">
      <c r="B42" s="64" t="s">
        <v>63</v>
      </c>
      <c r="C42" s="62" t="s">
        <v>99</v>
      </c>
      <c r="D42" s="45"/>
      <c r="E42" s="119"/>
      <c r="F42" s="120"/>
    </row>
    <row r="43" spans="2:7" s="4" customFormat="1" ht="20.100000000000001" customHeight="1" x14ac:dyDescent="0.25">
      <c r="B43" s="64" t="s">
        <v>64</v>
      </c>
      <c r="C43" s="62" t="s">
        <v>100</v>
      </c>
      <c r="D43" s="45"/>
      <c r="E43" s="109"/>
      <c r="F43" s="110"/>
    </row>
    <row r="44" spans="2:7" s="4" customFormat="1" ht="20.100000000000001" customHeight="1" x14ac:dyDescent="0.25">
      <c r="B44" s="64" t="s">
        <v>65</v>
      </c>
      <c r="C44" s="62" t="s">
        <v>101</v>
      </c>
      <c r="D44" s="45"/>
      <c r="E44" s="109"/>
      <c r="F44" s="110"/>
    </row>
    <row r="45" spans="2:7" s="4" customFormat="1" ht="20.100000000000001" customHeight="1" x14ac:dyDescent="0.25">
      <c r="B45" s="64" t="s">
        <v>66</v>
      </c>
      <c r="C45" s="62" t="s">
        <v>102</v>
      </c>
      <c r="D45" s="45"/>
      <c r="E45" s="109"/>
      <c r="F45" s="110"/>
    </row>
    <row r="46" spans="2:7" s="4" customFormat="1" ht="20.100000000000001" customHeight="1" x14ac:dyDescent="0.25">
      <c r="B46" s="64" t="s">
        <v>67</v>
      </c>
      <c r="C46" s="62" t="s">
        <v>103</v>
      </c>
      <c r="D46" s="45"/>
      <c r="E46" s="109"/>
      <c r="F46" s="110"/>
    </row>
    <row r="47" spans="2:7" s="4" customFormat="1" ht="20.100000000000001" customHeight="1" x14ac:dyDescent="0.25">
      <c r="B47" s="64" t="s">
        <v>104</v>
      </c>
      <c r="C47" s="62" t="s">
        <v>105</v>
      </c>
      <c r="D47" s="45"/>
      <c r="E47" s="109"/>
      <c r="F47" s="110"/>
    </row>
    <row r="48" spans="2:7" s="4" customFormat="1" ht="20.100000000000001" customHeight="1" x14ac:dyDescent="0.25">
      <c r="B48" s="64" t="s">
        <v>106</v>
      </c>
      <c r="C48" s="62" t="s">
        <v>107</v>
      </c>
      <c r="D48" s="45"/>
      <c r="E48" s="109"/>
      <c r="F48" s="110"/>
    </row>
    <row r="49" spans="2:6" s="4" customFormat="1" ht="20.100000000000001" customHeight="1" x14ac:dyDescent="0.25">
      <c r="B49" s="64" t="s">
        <v>108</v>
      </c>
      <c r="C49" s="62" t="s">
        <v>109</v>
      </c>
      <c r="D49" s="45"/>
      <c r="E49" s="109"/>
      <c r="F49" s="110"/>
    </row>
    <row r="50" spans="2:6" s="4" customFormat="1" ht="20.100000000000001" customHeight="1" x14ac:dyDescent="0.25">
      <c r="B50" s="64" t="s">
        <v>110</v>
      </c>
      <c r="C50" s="62" t="s">
        <v>111</v>
      </c>
      <c r="D50" s="45"/>
      <c r="E50" s="109"/>
      <c r="F50" s="110"/>
    </row>
    <row r="51" spans="2:6" s="4" customFormat="1" ht="30" customHeight="1" x14ac:dyDescent="0.25">
      <c r="B51" s="64" t="s">
        <v>112</v>
      </c>
      <c r="C51" s="62" t="s">
        <v>113</v>
      </c>
      <c r="D51" s="45"/>
      <c r="E51" s="109"/>
      <c r="F51" s="110"/>
    </row>
    <row r="52" spans="2:6" s="4" customFormat="1" ht="30" customHeight="1" x14ac:dyDescent="0.25">
      <c r="B52" s="65" t="s">
        <v>114</v>
      </c>
      <c r="C52" s="61" t="s">
        <v>115</v>
      </c>
      <c r="D52" s="45" t="s">
        <v>52</v>
      </c>
      <c r="E52" s="109"/>
      <c r="F52" s="110"/>
    </row>
    <row r="53" spans="2:6" s="4" customFormat="1" ht="20.100000000000001" customHeight="1" x14ac:dyDescent="0.25">
      <c r="B53" s="64" t="s">
        <v>116</v>
      </c>
      <c r="C53" s="62" t="s">
        <v>172</v>
      </c>
      <c r="D53" s="45"/>
      <c r="E53" s="109"/>
      <c r="F53" s="110"/>
    </row>
    <row r="54" spans="2:6" s="4" customFormat="1" ht="30.75" customHeight="1" x14ac:dyDescent="0.25">
      <c r="B54" s="64" t="s">
        <v>117</v>
      </c>
      <c r="C54" s="62" t="s">
        <v>173</v>
      </c>
      <c r="D54" s="45"/>
      <c r="E54" s="109"/>
      <c r="F54" s="110"/>
    </row>
    <row r="55" spans="2:6" s="4" customFormat="1" ht="30" customHeight="1" x14ac:dyDescent="0.25">
      <c r="B55" s="64" t="s">
        <v>118</v>
      </c>
      <c r="C55" s="62" t="s">
        <v>174</v>
      </c>
      <c r="D55" s="45"/>
      <c r="E55" s="109"/>
      <c r="F55" s="110"/>
    </row>
    <row r="56" spans="2:6" s="4" customFormat="1" ht="30" customHeight="1" x14ac:dyDescent="0.25">
      <c r="B56" s="64" t="s">
        <v>119</v>
      </c>
      <c r="C56" s="62" t="s">
        <v>175</v>
      </c>
      <c r="D56" s="45"/>
      <c r="E56" s="109"/>
      <c r="F56" s="110"/>
    </row>
    <row r="57" spans="2:6" s="4" customFormat="1" ht="20.100000000000001" customHeight="1" x14ac:dyDescent="0.25">
      <c r="B57" s="65" t="s">
        <v>120</v>
      </c>
      <c r="C57" s="61" t="s">
        <v>121</v>
      </c>
      <c r="D57" s="45" t="s">
        <v>52</v>
      </c>
      <c r="E57" s="109"/>
      <c r="F57" s="110"/>
    </row>
    <row r="58" spans="2:6" s="4" customFormat="1" ht="20.100000000000001" customHeight="1" x14ac:dyDescent="0.25">
      <c r="B58" s="64" t="s">
        <v>122</v>
      </c>
      <c r="C58" s="62" t="s">
        <v>123</v>
      </c>
      <c r="D58" s="45"/>
      <c r="E58" s="109"/>
      <c r="F58" s="110"/>
    </row>
    <row r="59" spans="2:6" s="4" customFormat="1" ht="20.100000000000001" customHeight="1" x14ac:dyDescent="0.25">
      <c r="B59" s="64" t="s">
        <v>124</v>
      </c>
      <c r="C59" s="62" t="s">
        <v>125</v>
      </c>
      <c r="D59" s="45"/>
      <c r="E59" s="109"/>
      <c r="F59" s="110"/>
    </row>
    <row r="60" spans="2:6" s="4" customFormat="1" ht="20.100000000000001" customHeight="1" x14ac:dyDescent="0.25">
      <c r="B60" s="64" t="s">
        <v>126</v>
      </c>
      <c r="C60" s="62" t="s">
        <v>127</v>
      </c>
      <c r="D60" s="45"/>
      <c r="E60" s="109"/>
      <c r="F60" s="110"/>
    </row>
    <row r="61" spans="2:6" s="4" customFormat="1" ht="20.100000000000001" customHeight="1" x14ac:dyDescent="0.25">
      <c r="B61" s="64" t="s">
        <v>128</v>
      </c>
      <c r="C61" s="62" t="s">
        <v>129</v>
      </c>
      <c r="D61" s="45"/>
      <c r="E61" s="109"/>
      <c r="F61" s="110"/>
    </row>
    <row r="62" spans="2:6" s="4" customFormat="1" ht="20.100000000000001" customHeight="1" x14ac:dyDescent="0.25">
      <c r="B62" s="64" t="s">
        <v>130</v>
      </c>
      <c r="C62" s="62" t="s">
        <v>131</v>
      </c>
      <c r="D62" s="45"/>
      <c r="E62" s="109"/>
      <c r="F62" s="110"/>
    </row>
    <row r="63" spans="2:6" s="4" customFormat="1" ht="30" customHeight="1" x14ac:dyDescent="0.25">
      <c r="B63" s="64" t="s">
        <v>132</v>
      </c>
      <c r="C63" s="62" t="s">
        <v>176</v>
      </c>
      <c r="D63" s="45"/>
      <c r="E63" s="109"/>
      <c r="F63" s="110"/>
    </row>
    <row r="64" spans="2:6" s="4" customFormat="1" ht="20.100000000000001" customHeight="1" x14ac:dyDescent="0.25">
      <c r="B64" s="64" t="s">
        <v>133</v>
      </c>
      <c r="C64" s="62" t="s">
        <v>134</v>
      </c>
      <c r="D64" s="45"/>
      <c r="E64" s="109"/>
      <c r="F64" s="110"/>
    </row>
    <row r="65" spans="2:6" s="4" customFormat="1" ht="20.100000000000001" customHeight="1" x14ac:dyDescent="0.25">
      <c r="B65" s="64" t="s">
        <v>135</v>
      </c>
      <c r="C65" s="62" t="s">
        <v>136</v>
      </c>
      <c r="D65" s="45"/>
      <c r="E65" s="109"/>
      <c r="F65" s="110"/>
    </row>
    <row r="66" spans="2:6" s="4" customFormat="1" ht="20.100000000000001" customHeight="1" x14ac:dyDescent="0.25">
      <c r="B66" s="64" t="s">
        <v>137</v>
      </c>
      <c r="C66" s="62" t="s">
        <v>138</v>
      </c>
      <c r="D66" s="45"/>
      <c r="E66" s="109"/>
      <c r="F66" s="110"/>
    </row>
    <row r="67" spans="2:6" s="4" customFormat="1" ht="30" customHeight="1" x14ac:dyDescent="0.25">
      <c r="B67" s="64" t="s">
        <v>139</v>
      </c>
      <c r="C67" s="62" t="s">
        <v>177</v>
      </c>
      <c r="D67" s="45"/>
      <c r="E67" s="109"/>
      <c r="F67" s="110"/>
    </row>
    <row r="68" spans="2:6" s="4" customFormat="1" ht="20.100000000000001" customHeight="1" x14ac:dyDescent="0.25">
      <c r="B68" s="64" t="s">
        <v>140</v>
      </c>
      <c r="C68" s="62" t="s">
        <v>178</v>
      </c>
      <c r="D68" s="45"/>
      <c r="E68" s="109"/>
      <c r="F68" s="110"/>
    </row>
    <row r="69" spans="2:6" s="4" customFormat="1" ht="20.100000000000001" customHeight="1" x14ac:dyDescent="0.25">
      <c r="B69" s="64" t="s">
        <v>141</v>
      </c>
      <c r="C69" s="62" t="s">
        <v>142</v>
      </c>
      <c r="D69" s="45"/>
      <c r="E69" s="109"/>
      <c r="F69" s="110"/>
    </row>
    <row r="70" spans="2:6" s="4" customFormat="1" ht="20.100000000000001" customHeight="1" x14ac:dyDescent="0.25">
      <c r="B70" s="64" t="s">
        <v>143</v>
      </c>
      <c r="C70" s="62" t="s">
        <v>179</v>
      </c>
      <c r="D70" s="45"/>
      <c r="E70" s="109"/>
      <c r="F70" s="110"/>
    </row>
    <row r="71" spans="2:6" s="4" customFormat="1" ht="20.100000000000001" customHeight="1" x14ac:dyDescent="0.25">
      <c r="B71" s="64" t="s">
        <v>144</v>
      </c>
      <c r="C71" s="62" t="s">
        <v>145</v>
      </c>
      <c r="D71" s="45"/>
      <c r="E71" s="109"/>
      <c r="F71" s="110"/>
    </row>
    <row r="72" spans="2:6" s="4" customFormat="1" ht="20.100000000000001" customHeight="1" x14ac:dyDescent="0.25">
      <c r="B72" s="64" t="s">
        <v>146</v>
      </c>
      <c r="C72" s="62" t="s">
        <v>147</v>
      </c>
      <c r="D72" s="45"/>
      <c r="E72" s="109"/>
      <c r="F72" s="110"/>
    </row>
    <row r="73" spans="2:6" s="4" customFormat="1" ht="20.100000000000001" customHeight="1" x14ac:dyDescent="0.25">
      <c r="B73" s="64" t="s">
        <v>148</v>
      </c>
      <c r="C73" s="62" t="s">
        <v>149</v>
      </c>
      <c r="D73" s="45"/>
      <c r="E73" s="109"/>
      <c r="F73" s="110"/>
    </row>
    <row r="74" spans="2:6" s="4" customFormat="1" ht="20.100000000000001" customHeight="1" x14ac:dyDescent="0.25">
      <c r="B74" s="64" t="s">
        <v>150</v>
      </c>
      <c r="C74" s="62" t="s">
        <v>151</v>
      </c>
      <c r="D74" s="45"/>
      <c r="E74" s="109"/>
      <c r="F74" s="110"/>
    </row>
    <row r="75" spans="2:6" s="4" customFormat="1" ht="30" customHeight="1" x14ac:dyDescent="0.25">
      <c r="B75" s="64" t="s">
        <v>152</v>
      </c>
      <c r="C75" s="62" t="s">
        <v>180</v>
      </c>
      <c r="D75" s="45"/>
      <c r="E75" s="109"/>
      <c r="F75" s="110"/>
    </row>
    <row r="76" spans="2:6" s="4" customFormat="1" ht="30" customHeight="1" x14ac:dyDescent="0.25">
      <c r="B76" s="64" t="s">
        <v>153</v>
      </c>
      <c r="C76" s="62" t="s">
        <v>154</v>
      </c>
      <c r="D76" s="45"/>
      <c r="E76" s="109"/>
      <c r="F76" s="110"/>
    </row>
    <row r="77" spans="2:6" s="4" customFormat="1" ht="20.100000000000001" customHeight="1" x14ac:dyDescent="0.25">
      <c r="B77" s="65" t="s">
        <v>155</v>
      </c>
      <c r="C77" s="61" t="s">
        <v>156</v>
      </c>
      <c r="D77" s="45" t="s">
        <v>52</v>
      </c>
      <c r="E77" s="109"/>
      <c r="F77" s="110"/>
    </row>
    <row r="78" spans="2:6" s="4" customFormat="1" ht="20.100000000000001" customHeight="1" x14ac:dyDescent="0.25">
      <c r="B78" s="64" t="s">
        <v>157</v>
      </c>
      <c r="C78" s="62" t="s">
        <v>158</v>
      </c>
      <c r="D78" s="45"/>
      <c r="E78" s="109"/>
      <c r="F78" s="110"/>
    </row>
    <row r="79" spans="2:6" s="4" customFormat="1" ht="30" customHeight="1" x14ac:dyDescent="0.25">
      <c r="B79" s="64" t="s">
        <v>159</v>
      </c>
      <c r="C79" s="62" t="s">
        <v>181</v>
      </c>
      <c r="D79" s="45"/>
      <c r="E79" s="109"/>
      <c r="F79" s="110"/>
    </row>
    <row r="80" spans="2:6" s="4" customFormat="1" ht="20.100000000000001" customHeight="1" x14ac:dyDescent="0.25">
      <c r="B80" s="64" t="s">
        <v>160</v>
      </c>
      <c r="C80" s="62" t="s">
        <v>161</v>
      </c>
      <c r="D80" s="45"/>
      <c r="E80" s="86"/>
      <c r="F80" s="87"/>
    </row>
    <row r="81" spans="2:6" s="4" customFormat="1" ht="20.100000000000001" customHeight="1" x14ac:dyDescent="0.25">
      <c r="B81" s="64" t="s">
        <v>162</v>
      </c>
      <c r="C81" s="62" t="s">
        <v>163</v>
      </c>
      <c r="D81" s="45"/>
      <c r="E81" s="109"/>
      <c r="F81" s="110"/>
    </row>
    <row r="82" spans="2:6" s="4" customFormat="1" ht="30" customHeight="1" x14ac:dyDescent="0.25">
      <c r="B82" s="64" t="s">
        <v>164</v>
      </c>
      <c r="C82" s="62" t="s">
        <v>165</v>
      </c>
      <c r="D82" s="45"/>
      <c r="E82" s="109"/>
      <c r="F82" s="110"/>
    </row>
    <row r="83" spans="2:6" s="4" customFormat="1" ht="20.100000000000001" customHeight="1" x14ac:dyDescent="0.25">
      <c r="B83" s="64" t="s">
        <v>166</v>
      </c>
      <c r="C83" s="62" t="s">
        <v>167</v>
      </c>
      <c r="D83" s="45"/>
      <c r="E83" s="109"/>
      <c r="F83" s="110"/>
    </row>
    <row r="84" spans="2:6" s="4" customFormat="1" ht="30" customHeight="1" x14ac:dyDescent="0.25">
      <c r="B84" s="64" t="s">
        <v>168</v>
      </c>
      <c r="C84" s="62" t="s">
        <v>182</v>
      </c>
      <c r="D84" s="45"/>
      <c r="E84" s="109"/>
      <c r="F84" s="110"/>
    </row>
    <row r="85" spans="2:6" s="4" customFormat="1" ht="20.100000000000001" customHeight="1" x14ac:dyDescent="0.25">
      <c r="B85" s="64" t="s">
        <v>169</v>
      </c>
      <c r="C85" s="62" t="s">
        <v>183</v>
      </c>
      <c r="D85" s="45"/>
      <c r="E85" s="109"/>
      <c r="F85" s="110"/>
    </row>
    <row r="86" spans="2:6" s="4" customFormat="1" ht="30" customHeight="1" x14ac:dyDescent="0.25">
      <c r="B86" s="64" t="s">
        <v>170</v>
      </c>
      <c r="C86" s="62" t="s">
        <v>171</v>
      </c>
      <c r="D86" s="45"/>
      <c r="E86" s="109"/>
      <c r="F86" s="110"/>
    </row>
    <row r="87" spans="2:6" s="4" customFormat="1" ht="20.100000000000001" customHeight="1" x14ac:dyDescent="0.25">
      <c r="B87" s="107" t="s">
        <v>241</v>
      </c>
      <c r="C87" s="108"/>
      <c r="D87" s="85" t="s">
        <v>52</v>
      </c>
      <c r="E87" s="105"/>
      <c r="F87" s="106"/>
    </row>
    <row r="88" spans="2:6" s="4" customFormat="1" ht="20.100000000000001" customHeight="1" x14ac:dyDescent="0.25">
      <c r="B88" s="63">
        <v>2</v>
      </c>
      <c r="C88" s="61" t="s">
        <v>184</v>
      </c>
      <c r="D88" s="45" t="s">
        <v>52</v>
      </c>
      <c r="E88" s="109"/>
      <c r="F88" s="110"/>
    </row>
    <row r="89" spans="2:6" s="4" customFormat="1" ht="20.100000000000001" customHeight="1" x14ac:dyDescent="0.25">
      <c r="B89" s="64" t="s">
        <v>60</v>
      </c>
      <c r="C89" s="62" t="s">
        <v>98</v>
      </c>
      <c r="D89" s="45"/>
      <c r="E89" s="119"/>
      <c r="F89" s="120"/>
    </row>
    <row r="90" spans="2:6" s="4" customFormat="1" ht="20.100000000000001" customHeight="1" x14ac:dyDescent="0.25">
      <c r="B90" s="64" t="s">
        <v>68</v>
      </c>
      <c r="C90" s="62" t="s">
        <v>99</v>
      </c>
      <c r="D90" s="45"/>
      <c r="E90" s="119"/>
      <c r="F90" s="120"/>
    </row>
    <row r="91" spans="2:6" s="4" customFormat="1" ht="20.100000000000001" customHeight="1" x14ac:dyDescent="0.25">
      <c r="B91" s="64" t="s">
        <v>69</v>
      </c>
      <c r="C91" s="62" t="s">
        <v>100</v>
      </c>
      <c r="D91" s="45"/>
      <c r="E91" s="119"/>
      <c r="F91" s="120"/>
    </row>
    <row r="92" spans="2:6" s="4" customFormat="1" ht="20.100000000000001" customHeight="1" x14ac:dyDescent="0.25">
      <c r="B92" s="64" t="s">
        <v>70</v>
      </c>
      <c r="C92" s="62" t="s">
        <v>101</v>
      </c>
      <c r="D92" s="45"/>
      <c r="E92" s="119"/>
      <c r="F92" s="120"/>
    </row>
    <row r="93" spans="2:6" s="4" customFormat="1" ht="20.100000000000001" customHeight="1" x14ac:dyDescent="0.25">
      <c r="B93" s="64" t="s">
        <v>71</v>
      </c>
      <c r="C93" s="62" t="s">
        <v>102</v>
      </c>
      <c r="D93" s="45"/>
      <c r="E93" s="119"/>
      <c r="F93" s="120"/>
    </row>
    <row r="94" spans="2:6" s="4" customFormat="1" ht="20.100000000000001" customHeight="1" x14ac:dyDescent="0.25">
      <c r="B94" s="64" t="s">
        <v>72</v>
      </c>
      <c r="C94" s="62" t="s">
        <v>103</v>
      </c>
      <c r="D94" s="45"/>
      <c r="E94" s="119"/>
      <c r="F94" s="120"/>
    </row>
    <row r="95" spans="2:6" s="4" customFormat="1" ht="20.100000000000001" customHeight="1" x14ac:dyDescent="0.25">
      <c r="B95" s="64" t="s">
        <v>73</v>
      </c>
      <c r="C95" s="62" t="s">
        <v>105</v>
      </c>
      <c r="D95" s="45"/>
      <c r="E95" s="119"/>
      <c r="F95" s="120"/>
    </row>
    <row r="96" spans="2:6" s="4" customFormat="1" ht="20.100000000000001" customHeight="1" x14ac:dyDescent="0.25">
      <c r="B96" s="64" t="s">
        <v>74</v>
      </c>
      <c r="C96" s="62" t="s">
        <v>107</v>
      </c>
      <c r="D96" s="45"/>
      <c r="E96" s="119"/>
      <c r="F96" s="120"/>
    </row>
    <row r="97" spans="2:6" s="4" customFormat="1" ht="20.100000000000001" customHeight="1" x14ac:dyDescent="0.25">
      <c r="B97" s="64" t="s">
        <v>185</v>
      </c>
      <c r="C97" s="62" t="s">
        <v>109</v>
      </c>
      <c r="D97" s="45"/>
      <c r="E97" s="119"/>
      <c r="F97" s="120"/>
    </row>
    <row r="98" spans="2:6" s="4" customFormat="1" ht="20.100000000000001" customHeight="1" x14ac:dyDescent="0.25">
      <c r="B98" s="64" t="s">
        <v>186</v>
      </c>
      <c r="C98" s="62" t="s">
        <v>111</v>
      </c>
      <c r="D98" s="45"/>
      <c r="E98" s="119"/>
      <c r="F98" s="120"/>
    </row>
    <row r="99" spans="2:6" s="4" customFormat="1" ht="30" customHeight="1" x14ac:dyDescent="0.25">
      <c r="B99" s="64" t="s">
        <v>187</v>
      </c>
      <c r="C99" s="62" t="s">
        <v>113</v>
      </c>
      <c r="D99" s="45"/>
      <c r="E99" s="119"/>
      <c r="F99" s="120"/>
    </row>
    <row r="100" spans="2:6" s="4" customFormat="1" ht="30" customHeight="1" x14ac:dyDescent="0.25">
      <c r="B100" s="65" t="s">
        <v>188</v>
      </c>
      <c r="C100" s="61" t="s">
        <v>189</v>
      </c>
      <c r="D100" s="45" t="s">
        <v>52</v>
      </c>
      <c r="E100" s="119"/>
      <c r="F100" s="120"/>
    </row>
    <row r="101" spans="2:6" s="4" customFormat="1" ht="20.100000000000001" customHeight="1" x14ac:dyDescent="0.25">
      <c r="B101" s="64" t="s">
        <v>190</v>
      </c>
      <c r="C101" s="62" t="s">
        <v>226</v>
      </c>
      <c r="D101" s="45"/>
      <c r="E101" s="119"/>
      <c r="F101" s="120"/>
    </row>
    <row r="102" spans="2:6" s="4" customFormat="1" ht="30" customHeight="1" x14ac:dyDescent="0.25">
      <c r="B102" s="64" t="s">
        <v>191</v>
      </c>
      <c r="C102" s="62" t="s">
        <v>227</v>
      </c>
      <c r="D102" s="45"/>
      <c r="E102" s="119"/>
      <c r="F102" s="120"/>
    </row>
    <row r="103" spans="2:6" s="4" customFormat="1" ht="30" customHeight="1" x14ac:dyDescent="0.25">
      <c r="B103" s="64" t="s">
        <v>192</v>
      </c>
      <c r="C103" s="62" t="s">
        <v>228</v>
      </c>
      <c r="D103" s="45"/>
      <c r="E103" s="119"/>
      <c r="F103" s="120"/>
    </row>
    <row r="104" spans="2:6" s="4" customFormat="1" ht="30" customHeight="1" x14ac:dyDescent="0.25">
      <c r="B104" s="64" t="s">
        <v>193</v>
      </c>
      <c r="C104" s="62" t="s">
        <v>229</v>
      </c>
      <c r="D104" s="45"/>
      <c r="E104" s="119"/>
      <c r="F104" s="120"/>
    </row>
    <row r="105" spans="2:6" s="4" customFormat="1" ht="20.100000000000001" customHeight="1" x14ac:dyDescent="0.25">
      <c r="B105" s="65" t="s">
        <v>194</v>
      </c>
      <c r="C105" s="61" t="s">
        <v>121</v>
      </c>
      <c r="D105" s="45" t="s">
        <v>52</v>
      </c>
      <c r="E105" s="119"/>
      <c r="F105" s="120"/>
    </row>
    <row r="106" spans="2:6" s="4" customFormat="1" ht="20.100000000000001" customHeight="1" x14ac:dyDescent="0.25">
      <c r="B106" s="64" t="s">
        <v>195</v>
      </c>
      <c r="C106" s="62" t="s">
        <v>123</v>
      </c>
      <c r="D106" s="45"/>
      <c r="E106" s="119"/>
      <c r="F106" s="120"/>
    </row>
    <row r="107" spans="2:6" s="4" customFormat="1" ht="20.100000000000001" customHeight="1" x14ac:dyDescent="0.25">
      <c r="B107" s="64" t="s">
        <v>196</v>
      </c>
      <c r="C107" s="62" t="s">
        <v>125</v>
      </c>
      <c r="D107" s="45"/>
      <c r="E107" s="119"/>
      <c r="F107" s="120"/>
    </row>
    <row r="108" spans="2:6" s="4" customFormat="1" ht="20.100000000000001" customHeight="1" x14ac:dyDescent="0.25">
      <c r="B108" s="64" t="s">
        <v>197</v>
      </c>
      <c r="C108" s="62" t="s">
        <v>127</v>
      </c>
      <c r="D108" s="45"/>
      <c r="E108" s="119"/>
      <c r="F108" s="120"/>
    </row>
    <row r="109" spans="2:6" s="4" customFormat="1" ht="20.100000000000001" customHeight="1" x14ac:dyDescent="0.25">
      <c r="B109" s="64" t="s">
        <v>198</v>
      </c>
      <c r="C109" s="62" t="s">
        <v>129</v>
      </c>
      <c r="D109" s="45"/>
      <c r="E109" s="119"/>
      <c r="F109" s="120"/>
    </row>
    <row r="110" spans="2:6" s="4" customFormat="1" ht="20.100000000000001" customHeight="1" x14ac:dyDescent="0.25">
      <c r="B110" s="64" t="s">
        <v>199</v>
      </c>
      <c r="C110" s="62" t="s">
        <v>131</v>
      </c>
      <c r="D110" s="45"/>
      <c r="E110" s="119"/>
      <c r="F110" s="120"/>
    </row>
    <row r="111" spans="2:6" s="4" customFormat="1" ht="30" customHeight="1" x14ac:dyDescent="0.25">
      <c r="B111" s="64" t="s">
        <v>200</v>
      </c>
      <c r="C111" s="62" t="s">
        <v>176</v>
      </c>
      <c r="D111" s="45"/>
      <c r="E111" s="119"/>
      <c r="F111" s="120"/>
    </row>
    <row r="112" spans="2:6" s="4" customFormat="1" ht="20.100000000000001" customHeight="1" x14ac:dyDescent="0.25">
      <c r="B112" s="64" t="s">
        <v>201</v>
      </c>
      <c r="C112" s="62" t="s">
        <v>134</v>
      </c>
      <c r="D112" s="45"/>
      <c r="E112" s="119"/>
      <c r="F112" s="120"/>
    </row>
    <row r="113" spans="2:6" s="4" customFormat="1" ht="20.100000000000001" customHeight="1" x14ac:dyDescent="0.25">
      <c r="B113" s="64" t="s">
        <v>202</v>
      </c>
      <c r="C113" s="62" t="s">
        <v>136</v>
      </c>
      <c r="D113" s="45"/>
      <c r="E113" s="119"/>
      <c r="F113" s="120"/>
    </row>
    <row r="114" spans="2:6" s="4" customFormat="1" ht="20.100000000000001" customHeight="1" x14ac:dyDescent="0.25">
      <c r="B114" s="64" t="s">
        <v>203</v>
      </c>
      <c r="C114" s="62" t="s">
        <v>138</v>
      </c>
      <c r="D114" s="45"/>
      <c r="E114" s="119"/>
      <c r="F114" s="120"/>
    </row>
    <row r="115" spans="2:6" s="4" customFormat="1" ht="30" customHeight="1" x14ac:dyDescent="0.25">
      <c r="B115" s="64" t="s">
        <v>204</v>
      </c>
      <c r="C115" s="62" t="s">
        <v>177</v>
      </c>
      <c r="D115" s="45"/>
      <c r="E115" s="119"/>
      <c r="F115" s="120"/>
    </row>
    <row r="116" spans="2:6" s="4" customFormat="1" ht="20.100000000000001" customHeight="1" x14ac:dyDescent="0.25">
      <c r="B116" s="64" t="s">
        <v>205</v>
      </c>
      <c r="C116" s="62" t="s">
        <v>178</v>
      </c>
      <c r="D116" s="45"/>
      <c r="E116" s="119"/>
      <c r="F116" s="120"/>
    </row>
    <row r="117" spans="2:6" s="4" customFormat="1" ht="20.100000000000001" customHeight="1" x14ac:dyDescent="0.25">
      <c r="B117" s="64" t="s">
        <v>206</v>
      </c>
      <c r="C117" s="62" t="s">
        <v>142</v>
      </c>
      <c r="D117" s="45"/>
      <c r="E117" s="119"/>
      <c r="F117" s="120"/>
    </row>
    <row r="118" spans="2:6" s="4" customFormat="1" ht="20.100000000000001" customHeight="1" x14ac:dyDescent="0.25">
      <c r="B118" s="64" t="s">
        <v>207</v>
      </c>
      <c r="C118" s="62" t="s">
        <v>179</v>
      </c>
      <c r="D118" s="45"/>
      <c r="E118" s="119"/>
      <c r="F118" s="120"/>
    </row>
    <row r="119" spans="2:6" s="4" customFormat="1" ht="20.100000000000001" customHeight="1" x14ac:dyDescent="0.25">
      <c r="B119" s="64" t="s">
        <v>208</v>
      </c>
      <c r="C119" s="62" t="s">
        <v>145</v>
      </c>
      <c r="D119" s="45"/>
      <c r="E119" s="119"/>
      <c r="F119" s="120"/>
    </row>
    <row r="120" spans="2:6" s="4" customFormat="1" ht="20.100000000000001" customHeight="1" x14ac:dyDescent="0.25">
      <c r="B120" s="64" t="s">
        <v>209</v>
      </c>
      <c r="C120" s="62" t="s">
        <v>147</v>
      </c>
      <c r="D120" s="45"/>
      <c r="E120" s="119"/>
      <c r="F120" s="120"/>
    </row>
    <row r="121" spans="2:6" s="4" customFormat="1" ht="20.100000000000001" customHeight="1" x14ac:dyDescent="0.25">
      <c r="B121" s="64" t="s">
        <v>210</v>
      </c>
      <c r="C121" s="62" t="s">
        <v>211</v>
      </c>
      <c r="D121" s="45"/>
      <c r="E121" s="119"/>
      <c r="F121" s="120"/>
    </row>
    <row r="122" spans="2:6" s="4" customFormat="1" ht="20.100000000000001" customHeight="1" x14ac:dyDescent="0.25">
      <c r="B122" s="64" t="s">
        <v>212</v>
      </c>
      <c r="C122" s="62" t="s">
        <v>213</v>
      </c>
      <c r="D122" s="45"/>
      <c r="E122" s="119"/>
      <c r="F122" s="120"/>
    </row>
    <row r="123" spans="2:6" s="4" customFormat="1" ht="30" customHeight="1" x14ac:dyDescent="0.25">
      <c r="B123" s="64" t="s">
        <v>214</v>
      </c>
      <c r="C123" s="62" t="s">
        <v>180</v>
      </c>
      <c r="D123" s="45"/>
      <c r="E123" s="119"/>
      <c r="F123" s="120"/>
    </row>
    <row r="124" spans="2:6" s="4" customFormat="1" ht="30" customHeight="1" x14ac:dyDescent="0.25">
      <c r="B124" s="64" t="s">
        <v>215</v>
      </c>
      <c r="C124" s="62" t="s">
        <v>154</v>
      </c>
      <c r="D124" s="45"/>
      <c r="E124" s="119"/>
      <c r="F124" s="120"/>
    </row>
    <row r="125" spans="2:6" s="4" customFormat="1" ht="20.100000000000001" customHeight="1" x14ac:dyDescent="0.25">
      <c r="B125" s="65" t="s">
        <v>216</v>
      </c>
      <c r="C125" s="61" t="s">
        <v>156</v>
      </c>
      <c r="D125" s="45" t="s">
        <v>52</v>
      </c>
      <c r="E125" s="119"/>
      <c r="F125" s="120"/>
    </row>
    <row r="126" spans="2:6" s="4" customFormat="1" ht="20.100000000000001" customHeight="1" x14ac:dyDescent="0.25">
      <c r="B126" s="64" t="s">
        <v>217</v>
      </c>
      <c r="C126" s="62" t="s">
        <v>158</v>
      </c>
      <c r="D126" s="45"/>
      <c r="E126" s="119"/>
      <c r="F126" s="120"/>
    </row>
    <row r="127" spans="2:6" s="4" customFormat="1" ht="30" customHeight="1" x14ac:dyDescent="0.25">
      <c r="B127" s="64" t="s">
        <v>218</v>
      </c>
      <c r="C127" s="62" t="s">
        <v>181</v>
      </c>
      <c r="D127" s="45"/>
      <c r="E127" s="119"/>
      <c r="F127" s="120"/>
    </row>
    <row r="128" spans="2:6" s="4" customFormat="1" ht="20.100000000000001" customHeight="1" x14ac:dyDescent="0.25">
      <c r="B128" s="64" t="s">
        <v>219</v>
      </c>
      <c r="C128" s="62" t="s">
        <v>161</v>
      </c>
      <c r="D128" s="45"/>
      <c r="E128" s="119"/>
      <c r="F128" s="120"/>
    </row>
    <row r="129" spans="2:6" s="4" customFormat="1" ht="20.100000000000001" customHeight="1" x14ac:dyDescent="0.25">
      <c r="B129" s="64" t="s">
        <v>220</v>
      </c>
      <c r="C129" s="62" t="s">
        <v>163</v>
      </c>
      <c r="D129" s="45"/>
      <c r="E129" s="119"/>
      <c r="F129" s="120"/>
    </row>
    <row r="130" spans="2:6" s="4" customFormat="1" ht="30" customHeight="1" x14ac:dyDescent="0.25">
      <c r="B130" s="64" t="s">
        <v>221</v>
      </c>
      <c r="C130" s="62" t="s">
        <v>165</v>
      </c>
      <c r="D130" s="45"/>
      <c r="E130" s="119"/>
      <c r="F130" s="120"/>
    </row>
    <row r="131" spans="2:6" s="4" customFormat="1" ht="20.100000000000001" customHeight="1" x14ac:dyDescent="0.25">
      <c r="B131" s="64" t="s">
        <v>222</v>
      </c>
      <c r="C131" s="62" t="s">
        <v>167</v>
      </c>
      <c r="D131" s="45"/>
      <c r="E131" s="119"/>
      <c r="F131" s="120"/>
    </row>
    <row r="132" spans="2:6" s="4" customFormat="1" ht="30" customHeight="1" x14ac:dyDescent="0.25">
      <c r="B132" s="64" t="s">
        <v>223</v>
      </c>
      <c r="C132" s="62" t="s">
        <v>182</v>
      </c>
      <c r="D132" s="45"/>
      <c r="E132" s="119"/>
      <c r="F132" s="120"/>
    </row>
    <row r="133" spans="2:6" s="4" customFormat="1" ht="20.100000000000001" customHeight="1" x14ac:dyDescent="0.25">
      <c r="B133" s="64" t="s">
        <v>224</v>
      </c>
      <c r="C133" s="62" t="s">
        <v>183</v>
      </c>
      <c r="D133" s="45"/>
      <c r="E133" s="119"/>
      <c r="F133" s="120"/>
    </row>
    <row r="134" spans="2:6" s="4" customFormat="1" ht="30" customHeight="1" x14ac:dyDescent="0.25">
      <c r="B134" s="64" t="s">
        <v>225</v>
      </c>
      <c r="C134" s="62" t="s">
        <v>171</v>
      </c>
      <c r="D134" s="45"/>
      <c r="E134" s="119"/>
      <c r="F134" s="120"/>
    </row>
    <row r="135" spans="2:6" s="4" customFormat="1" ht="20.100000000000001" customHeight="1" x14ac:dyDescent="0.25">
      <c r="B135" s="101" t="s">
        <v>234</v>
      </c>
      <c r="C135" s="102"/>
      <c r="D135" s="84" t="s">
        <v>52</v>
      </c>
      <c r="E135" s="103"/>
      <c r="F135" s="104"/>
    </row>
    <row r="136" spans="2:6" s="4" customFormat="1" ht="52.5" customHeight="1" x14ac:dyDescent="0.25">
      <c r="B136" s="64" t="s">
        <v>75</v>
      </c>
      <c r="C136" s="90" t="s">
        <v>289</v>
      </c>
      <c r="D136" s="45"/>
      <c r="E136" s="109"/>
      <c r="F136" s="110"/>
    </row>
    <row r="137" spans="2:6" s="4" customFormat="1" ht="75" customHeight="1" x14ac:dyDescent="0.25">
      <c r="B137" s="64" t="s">
        <v>76</v>
      </c>
      <c r="C137" s="90" t="s">
        <v>290</v>
      </c>
      <c r="D137" s="45"/>
      <c r="E137" s="88"/>
      <c r="F137" s="89"/>
    </row>
    <row r="138" spans="2:6" s="4" customFormat="1" ht="39.75" customHeight="1" x14ac:dyDescent="0.25">
      <c r="B138" s="64" t="s">
        <v>77</v>
      </c>
      <c r="C138" s="62" t="s">
        <v>293</v>
      </c>
      <c r="D138" s="45"/>
      <c r="E138" s="88"/>
      <c r="F138" s="89"/>
    </row>
    <row r="139" spans="2:6" s="4" customFormat="1" ht="109.5" customHeight="1" x14ac:dyDescent="0.25">
      <c r="B139" s="64" t="s">
        <v>78</v>
      </c>
      <c r="C139" s="62" t="s">
        <v>294</v>
      </c>
      <c r="D139" s="45"/>
      <c r="E139" s="109"/>
      <c r="F139" s="110"/>
    </row>
    <row r="140" spans="2:6" s="4" customFormat="1" ht="73.5" customHeight="1" x14ac:dyDescent="0.25">
      <c r="B140" s="64" t="s">
        <v>79</v>
      </c>
      <c r="C140" s="62" t="s">
        <v>295</v>
      </c>
      <c r="D140" s="45"/>
      <c r="E140" s="109"/>
      <c r="F140" s="110"/>
    </row>
    <row r="141" spans="2:6" s="4" customFormat="1" ht="50.25" customHeight="1" x14ac:dyDescent="0.25">
      <c r="B141" s="64" t="s">
        <v>80</v>
      </c>
      <c r="C141" s="62" t="s">
        <v>230</v>
      </c>
      <c r="D141" s="45"/>
      <c r="E141" s="109"/>
      <c r="F141" s="110"/>
    </row>
    <row r="142" spans="2:6" s="4" customFormat="1" ht="30" customHeight="1" x14ac:dyDescent="0.25">
      <c r="B142" s="64" t="s">
        <v>291</v>
      </c>
      <c r="C142" s="62" t="s">
        <v>231</v>
      </c>
      <c r="D142" s="45"/>
      <c r="E142" s="109"/>
      <c r="F142" s="110"/>
    </row>
    <row r="143" spans="2:6" s="4" customFormat="1" ht="40.5" customHeight="1" x14ac:dyDescent="0.25">
      <c r="B143" s="64" t="s">
        <v>292</v>
      </c>
      <c r="C143" s="62" t="s">
        <v>232</v>
      </c>
      <c r="D143" s="45"/>
      <c r="E143" s="109"/>
      <c r="F143" s="110"/>
    </row>
    <row r="144" spans="2:6" s="4" customFormat="1" ht="20.100000000000001" customHeight="1" x14ac:dyDescent="0.25">
      <c r="B144" s="82" t="s">
        <v>233</v>
      </c>
      <c r="C144" s="83"/>
      <c r="D144" s="84" t="s">
        <v>52</v>
      </c>
      <c r="E144" s="103"/>
      <c r="F144" s="104"/>
    </row>
    <row r="145" spans="1:6" s="4" customFormat="1" ht="20.100000000000001" customHeight="1" x14ac:dyDescent="0.25">
      <c r="B145" s="64" t="s">
        <v>81</v>
      </c>
      <c r="C145" s="62" t="s">
        <v>235</v>
      </c>
      <c r="D145" s="45"/>
      <c r="E145" s="109"/>
      <c r="F145" s="110"/>
    </row>
    <row r="146" spans="1:6" s="4" customFormat="1" ht="20.100000000000001" customHeight="1" x14ac:dyDescent="0.25">
      <c r="B146" s="64" t="s">
        <v>82</v>
      </c>
      <c r="C146" s="62" t="s">
        <v>236</v>
      </c>
      <c r="D146" s="45"/>
      <c r="E146" s="109"/>
      <c r="F146" s="110"/>
    </row>
    <row r="147" spans="1:6" s="4" customFormat="1" ht="50.25" customHeight="1" x14ac:dyDescent="0.25">
      <c r="B147" s="64" t="s">
        <v>83</v>
      </c>
      <c r="C147" s="62" t="s">
        <v>237</v>
      </c>
      <c r="D147" s="45"/>
      <c r="E147" s="109"/>
      <c r="F147" s="110"/>
    </row>
    <row r="148" spans="1:6" s="4" customFormat="1" ht="38.25" x14ac:dyDescent="0.25">
      <c r="B148" s="64" t="s">
        <v>84</v>
      </c>
      <c r="C148" s="62" t="s">
        <v>238</v>
      </c>
      <c r="D148" s="45"/>
      <c r="E148" s="109"/>
      <c r="F148" s="110"/>
    </row>
    <row r="149" spans="1:6" s="4" customFormat="1" ht="39" thickBot="1" x14ac:dyDescent="0.3">
      <c r="B149" s="66" t="s">
        <v>85</v>
      </c>
      <c r="C149" s="67" t="s">
        <v>239</v>
      </c>
      <c r="D149" s="47"/>
      <c r="E149" s="171"/>
      <c r="F149" s="172"/>
    </row>
    <row r="150" spans="1:6" s="2" customFormat="1" ht="4.5" customHeight="1" x14ac:dyDescent="0.25">
      <c r="B150" s="15"/>
      <c r="D150" s="51"/>
      <c r="E150" s="51"/>
      <c r="F150" s="51"/>
    </row>
    <row r="151" spans="1:6" s="2" customFormat="1" ht="20.100000000000001" customHeight="1" x14ac:dyDescent="0.25">
      <c r="B151" s="132" t="s">
        <v>43</v>
      </c>
      <c r="C151" s="132"/>
      <c r="D151" s="132"/>
      <c r="E151" s="132"/>
      <c r="F151" s="132"/>
    </row>
    <row r="152" spans="1:6" s="2" customFormat="1" ht="5.0999999999999996" customHeight="1" thickBot="1" x14ac:dyDescent="0.3">
      <c r="B152" s="15"/>
      <c r="D152" s="6"/>
      <c r="E152" s="6"/>
      <c r="F152" s="6"/>
    </row>
    <row r="153" spans="1:6" s="3" customFormat="1" ht="69" customHeight="1" x14ac:dyDescent="0.25">
      <c r="B153" s="111" t="s">
        <v>6</v>
      </c>
      <c r="C153" s="112"/>
      <c r="D153" s="93" t="s">
        <v>28</v>
      </c>
      <c r="E153" s="94"/>
      <c r="F153" s="95"/>
    </row>
    <row r="154" spans="1:6" s="3" customFormat="1" ht="30" customHeight="1" thickBot="1" x14ac:dyDescent="0.3">
      <c r="A154" s="74"/>
      <c r="B154" s="113"/>
      <c r="C154" s="114"/>
      <c r="D154" s="23" t="s">
        <v>5</v>
      </c>
      <c r="E154" s="96" t="s">
        <v>29</v>
      </c>
      <c r="F154" s="97"/>
    </row>
    <row r="155" spans="1:6" s="2" customFormat="1" ht="25.5" x14ac:dyDescent="0.25">
      <c r="B155" s="58" t="s">
        <v>14</v>
      </c>
      <c r="C155" s="69" t="s">
        <v>288</v>
      </c>
      <c r="D155" s="77"/>
      <c r="E155" s="127"/>
      <c r="F155" s="128"/>
    </row>
    <row r="156" spans="1:6" s="2" customFormat="1" ht="25.5" x14ac:dyDescent="0.25">
      <c r="B156" s="44" t="s">
        <v>53</v>
      </c>
      <c r="C156" s="62" t="s">
        <v>264</v>
      </c>
      <c r="D156" s="45"/>
      <c r="E156" s="145"/>
      <c r="F156" s="146"/>
    </row>
    <row r="157" spans="1:6" s="2" customFormat="1" ht="25.5" x14ac:dyDescent="0.25">
      <c r="B157" s="44" t="s">
        <v>56</v>
      </c>
      <c r="C157" s="62" t="s">
        <v>265</v>
      </c>
      <c r="D157" s="45"/>
      <c r="E157" s="145"/>
      <c r="F157" s="146"/>
    </row>
    <row r="158" spans="1:6" s="2" customFormat="1" ht="51" x14ac:dyDescent="0.25">
      <c r="B158" s="44" t="s">
        <v>54</v>
      </c>
      <c r="C158" s="62" t="s">
        <v>266</v>
      </c>
      <c r="D158" s="45"/>
      <c r="E158" s="145"/>
      <c r="F158" s="146"/>
    </row>
    <row r="159" spans="1:6" s="2" customFormat="1" ht="38.25" x14ac:dyDescent="0.25">
      <c r="B159" s="73" t="s">
        <v>55</v>
      </c>
      <c r="C159" s="78" t="s">
        <v>267</v>
      </c>
      <c r="D159" s="48"/>
      <c r="E159" s="129"/>
      <c r="F159" s="130"/>
    </row>
    <row r="160" spans="1:6" s="2" customFormat="1" ht="93" customHeight="1" x14ac:dyDescent="0.25">
      <c r="B160" s="44" t="s">
        <v>57</v>
      </c>
      <c r="C160" s="90" t="s">
        <v>296</v>
      </c>
      <c r="D160" s="45"/>
      <c r="E160" s="147"/>
      <c r="F160" s="148"/>
    </row>
    <row r="161" spans="1:6" s="2" customFormat="1" ht="25.5" x14ac:dyDescent="0.25">
      <c r="B161" s="44" t="s">
        <v>58</v>
      </c>
      <c r="C161" s="62" t="s">
        <v>268</v>
      </c>
      <c r="D161" s="45"/>
      <c r="E161" s="142"/>
      <c r="F161" s="143"/>
    </row>
    <row r="162" spans="1:6" s="2" customFormat="1" ht="51" x14ac:dyDescent="0.25">
      <c r="B162" s="44" t="s">
        <v>59</v>
      </c>
      <c r="C162" s="62" t="s">
        <v>269</v>
      </c>
      <c r="D162" s="45"/>
      <c r="E162" s="142"/>
      <c r="F162" s="143"/>
    </row>
    <row r="163" spans="1:6" s="3" customFormat="1" ht="25.5" x14ac:dyDescent="0.25">
      <c r="A163" s="74"/>
      <c r="B163" s="80" t="s">
        <v>243</v>
      </c>
      <c r="C163" s="91" t="s">
        <v>297</v>
      </c>
      <c r="D163" s="79"/>
      <c r="E163" s="125"/>
      <c r="F163" s="126"/>
    </row>
    <row r="164" spans="1:6" s="2" customFormat="1" ht="38.25" x14ac:dyDescent="0.25">
      <c r="B164" s="64" t="s">
        <v>244</v>
      </c>
      <c r="C164" s="90" t="s">
        <v>298</v>
      </c>
      <c r="D164" s="48"/>
      <c r="E164" s="52"/>
      <c r="F164" s="53"/>
    </row>
    <row r="165" spans="1:6" s="2" customFormat="1" ht="38.25" x14ac:dyDescent="0.25">
      <c r="B165" s="81" t="s">
        <v>245</v>
      </c>
      <c r="C165" s="62" t="s">
        <v>270</v>
      </c>
      <c r="D165" s="48"/>
      <c r="E165" s="49"/>
      <c r="F165" s="50"/>
    </row>
    <row r="166" spans="1:6" s="2" customFormat="1" ht="25.5" x14ac:dyDescent="0.25">
      <c r="B166" s="81" t="s">
        <v>246</v>
      </c>
      <c r="C166" s="62" t="s">
        <v>271</v>
      </c>
      <c r="D166" s="48"/>
      <c r="E166" s="49"/>
      <c r="F166" s="50"/>
    </row>
    <row r="167" spans="1:6" s="2" customFormat="1" ht="63.75" x14ac:dyDescent="0.25">
      <c r="B167" s="81" t="s">
        <v>247</v>
      </c>
      <c r="C167" s="62" t="s">
        <v>272</v>
      </c>
      <c r="D167" s="48"/>
      <c r="E167" s="49"/>
      <c r="F167" s="50"/>
    </row>
    <row r="168" spans="1:6" s="2" customFormat="1" ht="38.25" x14ac:dyDescent="0.25">
      <c r="B168" s="81" t="s">
        <v>248</v>
      </c>
      <c r="C168" s="62" t="s">
        <v>240</v>
      </c>
      <c r="D168" s="48"/>
      <c r="E168" s="49"/>
      <c r="F168" s="50"/>
    </row>
    <row r="169" spans="1:6" s="2" customFormat="1" ht="51" x14ac:dyDescent="0.25">
      <c r="B169" s="81" t="s">
        <v>249</v>
      </c>
      <c r="C169" s="62" t="s">
        <v>273</v>
      </c>
      <c r="D169" s="48"/>
      <c r="E169" s="49"/>
      <c r="F169" s="50"/>
    </row>
    <row r="170" spans="1:6" s="2" customFormat="1" ht="38.25" x14ac:dyDescent="0.25">
      <c r="B170" s="81" t="s">
        <v>250</v>
      </c>
      <c r="C170" s="62" t="s">
        <v>274</v>
      </c>
      <c r="D170" s="48"/>
      <c r="E170" s="49"/>
      <c r="F170" s="50"/>
    </row>
    <row r="171" spans="1:6" s="2" customFormat="1" ht="25.5" x14ac:dyDescent="0.25">
      <c r="B171" s="81" t="s">
        <v>251</v>
      </c>
      <c r="C171" s="62" t="s">
        <v>275</v>
      </c>
      <c r="D171" s="48"/>
      <c r="E171" s="49"/>
      <c r="F171" s="50"/>
    </row>
    <row r="172" spans="1:6" s="2" customFormat="1" ht="96" customHeight="1" x14ac:dyDescent="0.25">
      <c r="B172" s="81" t="s">
        <v>252</v>
      </c>
      <c r="C172" s="62" t="s">
        <v>276</v>
      </c>
      <c r="D172" s="48"/>
      <c r="E172" s="49"/>
      <c r="F172" s="50"/>
    </row>
    <row r="173" spans="1:6" s="2" customFormat="1" ht="38.25" x14ac:dyDescent="0.25">
      <c r="B173" s="81" t="s">
        <v>253</v>
      </c>
      <c r="C173" s="62" t="s">
        <v>277</v>
      </c>
      <c r="D173" s="48"/>
      <c r="E173" s="49"/>
      <c r="F173" s="50"/>
    </row>
    <row r="174" spans="1:6" s="2" customFormat="1" ht="38.25" x14ac:dyDescent="0.25">
      <c r="B174" s="81" t="s">
        <v>254</v>
      </c>
      <c r="C174" s="62" t="s">
        <v>277</v>
      </c>
      <c r="D174" s="48"/>
      <c r="E174" s="49"/>
      <c r="F174" s="50"/>
    </row>
    <row r="175" spans="1:6" s="2" customFormat="1" ht="76.5" x14ac:dyDescent="0.25">
      <c r="B175" s="81" t="s">
        <v>255</v>
      </c>
      <c r="C175" s="62" t="s">
        <v>278</v>
      </c>
      <c r="D175" s="48"/>
      <c r="E175" s="49"/>
      <c r="F175" s="50"/>
    </row>
    <row r="176" spans="1:6" s="2" customFormat="1" ht="232.5" customHeight="1" x14ac:dyDescent="0.25">
      <c r="B176" s="81" t="s">
        <v>256</v>
      </c>
      <c r="C176" s="62" t="s">
        <v>279</v>
      </c>
      <c r="D176" s="48"/>
      <c r="E176" s="49"/>
      <c r="F176" s="50"/>
    </row>
    <row r="177" spans="2:7" s="2" customFormat="1" ht="114.75" x14ac:dyDescent="0.25">
      <c r="B177" s="81" t="s">
        <v>257</v>
      </c>
      <c r="C177" s="62" t="s">
        <v>280</v>
      </c>
      <c r="D177" s="48"/>
      <c r="E177" s="49"/>
      <c r="F177" s="50"/>
    </row>
    <row r="178" spans="2:7" s="2" customFormat="1" ht="51" x14ac:dyDescent="0.25">
      <c r="B178" s="81" t="s">
        <v>258</v>
      </c>
      <c r="C178" s="62" t="s">
        <v>281</v>
      </c>
      <c r="D178" s="48"/>
      <c r="E178" s="49"/>
      <c r="F178" s="50"/>
    </row>
    <row r="179" spans="2:7" s="2" customFormat="1" ht="76.5" x14ac:dyDescent="0.25">
      <c r="B179" s="81" t="s">
        <v>259</v>
      </c>
      <c r="C179" s="62" t="s">
        <v>282</v>
      </c>
      <c r="D179" s="48"/>
      <c r="E179" s="49"/>
      <c r="F179" s="50"/>
    </row>
    <row r="180" spans="2:7" s="2" customFormat="1" ht="188.25" customHeight="1" x14ac:dyDescent="0.25">
      <c r="B180" s="64" t="s">
        <v>260</v>
      </c>
      <c r="C180" s="62" t="s">
        <v>283</v>
      </c>
      <c r="D180" s="48"/>
      <c r="E180" s="49"/>
      <c r="F180" s="50"/>
    </row>
    <row r="181" spans="2:7" s="2" customFormat="1" ht="89.25" x14ac:dyDescent="0.25">
      <c r="B181" s="64" t="s">
        <v>261</v>
      </c>
      <c r="C181" s="62" t="s">
        <v>284</v>
      </c>
      <c r="D181" s="48"/>
      <c r="E181" s="49"/>
      <c r="F181" s="50"/>
    </row>
    <row r="182" spans="2:7" s="2" customFormat="1" ht="114.75" x14ac:dyDescent="0.25">
      <c r="B182" s="64" t="s">
        <v>262</v>
      </c>
      <c r="C182" s="62" t="s">
        <v>285</v>
      </c>
      <c r="D182" s="48"/>
      <c r="E182" s="49"/>
      <c r="F182" s="50"/>
    </row>
    <row r="183" spans="2:7" s="2" customFormat="1" ht="64.5" thickBot="1" x14ac:dyDescent="0.3">
      <c r="B183" s="66" t="s">
        <v>263</v>
      </c>
      <c r="C183" s="67" t="s">
        <v>286</v>
      </c>
      <c r="D183" s="47"/>
      <c r="E183" s="75"/>
      <c r="F183" s="76"/>
    </row>
    <row r="184" spans="2:7" s="3" customFormat="1" ht="5.0999999999999996" customHeight="1" x14ac:dyDescent="0.25">
      <c r="B184" s="5"/>
      <c r="C184" s="5"/>
      <c r="D184" s="7"/>
      <c r="E184" s="7"/>
      <c r="F184" s="25"/>
      <c r="G184" s="2"/>
    </row>
    <row r="185" spans="2:7" s="2" customFormat="1" ht="20.100000000000001" customHeight="1" x14ac:dyDescent="0.25">
      <c r="B185" s="132" t="s">
        <v>49</v>
      </c>
      <c r="C185" s="132"/>
      <c r="D185" s="132"/>
      <c r="E185" s="132"/>
      <c r="F185" s="132"/>
    </row>
    <row r="186" spans="2:7" s="2" customFormat="1" ht="4.5" customHeight="1" thickBot="1" x14ac:dyDescent="0.3"/>
    <row r="187" spans="2:7" s="2" customFormat="1" ht="80.25" customHeight="1" x14ac:dyDescent="0.25">
      <c r="B187" s="111" t="s">
        <v>50</v>
      </c>
      <c r="C187" s="112"/>
      <c r="D187" s="93" t="s">
        <v>51</v>
      </c>
      <c r="E187" s="94"/>
      <c r="F187" s="95"/>
    </row>
    <row r="188" spans="2:7" s="3" customFormat="1" ht="29.25" customHeight="1" x14ac:dyDescent="0.25">
      <c r="B188" s="149"/>
      <c r="C188" s="150"/>
      <c r="D188" s="71" t="s">
        <v>5</v>
      </c>
      <c r="E188" s="151" t="s">
        <v>29</v>
      </c>
      <c r="F188" s="152"/>
      <c r="G188" s="2"/>
    </row>
    <row r="189" spans="2:7" s="3" customFormat="1" ht="89.25" x14ac:dyDescent="0.25">
      <c r="B189" s="44" t="s">
        <v>14</v>
      </c>
      <c r="C189" s="62" t="s">
        <v>287</v>
      </c>
      <c r="D189" s="72"/>
      <c r="E189" s="160"/>
      <c r="F189" s="161"/>
      <c r="G189" s="2"/>
    </row>
    <row r="190" spans="2:7" s="2" customFormat="1" ht="5.0999999999999996" customHeight="1" x14ac:dyDescent="0.25">
      <c r="B190" s="5"/>
      <c r="C190" s="5"/>
      <c r="D190" s="7"/>
      <c r="E190" s="7"/>
      <c r="F190" s="25"/>
    </row>
    <row r="191" spans="2:7" s="2" customFormat="1" ht="20.100000000000001" customHeight="1" x14ac:dyDescent="0.25">
      <c r="B191" s="132" t="s">
        <v>13</v>
      </c>
      <c r="C191" s="132"/>
      <c r="D191" s="132"/>
      <c r="E191" s="132"/>
      <c r="F191" s="132"/>
    </row>
    <row r="192" spans="2:7" s="3" customFormat="1" ht="22.5" customHeight="1" x14ac:dyDescent="0.25">
      <c r="B192" s="5" t="s">
        <v>15</v>
      </c>
      <c r="C192" s="157" t="s">
        <v>87</v>
      </c>
      <c r="D192" s="157"/>
      <c r="E192" s="157"/>
      <c r="F192" s="157"/>
      <c r="G192" s="2"/>
    </row>
    <row r="193" spans="2:7" s="27" customFormat="1" ht="21" customHeight="1" x14ac:dyDescent="0.25">
      <c r="B193" s="158" t="s">
        <v>30</v>
      </c>
      <c r="C193" s="158"/>
      <c r="D193" s="158"/>
      <c r="E193" s="158"/>
      <c r="F193" s="3"/>
      <c r="G193" s="2"/>
    </row>
    <row r="194" spans="2:7" s="2" customFormat="1" ht="24.95" customHeight="1" x14ac:dyDescent="0.25">
      <c r="B194" s="26" t="s">
        <v>31</v>
      </c>
      <c r="C194" s="155"/>
      <c r="D194" s="155"/>
      <c r="F194" s="27"/>
    </row>
    <row r="195" spans="2:7" s="2" customFormat="1" ht="24.95" customHeight="1" x14ac:dyDescent="0.25">
      <c r="B195" s="26" t="s">
        <v>32</v>
      </c>
      <c r="C195" s="155"/>
      <c r="D195" s="155"/>
      <c r="F195" s="27"/>
    </row>
    <row r="196" spans="2:7" s="2" customFormat="1" ht="24.95" customHeight="1" x14ac:dyDescent="0.25">
      <c r="B196" s="26" t="s">
        <v>33</v>
      </c>
      <c r="C196" s="155"/>
      <c r="D196" s="155"/>
      <c r="F196" s="27"/>
    </row>
    <row r="197" spans="2:7" s="3" customFormat="1" ht="24.95" customHeight="1" x14ac:dyDescent="0.25">
      <c r="B197" s="26" t="s">
        <v>34</v>
      </c>
      <c r="C197" s="155"/>
      <c r="D197" s="155"/>
      <c r="E197" s="2"/>
      <c r="F197" s="28"/>
      <c r="G197" s="2"/>
    </row>
    <row r="198" spans="2:7" s="2" customFormat="1" ht="14.25" customHeight="1" x14ac:dyDescent="0.2">
      <c r="B198" s="11"/>
      <c r="C198" s="12"/>
      <c r="D198" s="12"/>
      <c r="F198" s="29"/>
    </row>
    <row r="199" spans="2:7" s="3" customFormat="1" ht="15" customHeight="1" x14ac:dyDescent="0.25">
      <c r="B199" s="159" t="s">
        <v>35</v>
      </c>
      <c r="C199" s="159"/>
      <c r="D199" s="159"/>
      <c r="E199" s="159"/>
      <c r="F199" s="159"/>
    </row>
    <row r="200" spans="2:7" s="2" customFormat="1" ht="36.75" customHeight="1" x14ac:dyDescent="0.25">
      <c r="B200" s="156" t="s">
        <v>46</v>
      </c>
      <c r="C200" s="156"/>
      <c r="D200" s="156"/>
      <c r="E200" s="156"/>
      <c r="F200" s="156"/>
    </row>
    <row r="201" spans="2:7" s="2" customFormat="1" ht="12" customHeight="1" x14ac:dyDescent="0.2">
      <c r="B201" s="1"/>
      <c r="C201" s="1"/>
      <c r="D201" s="8"/>
      <c r="E201" s="8"/>
    </row>
    <row r="202" spans="2:7" s="3" customFormat="1" ht="4.5" customHeight="1" x14ac:dyDescent="0.2">
      <c r="B202" s="1"/>
      <c r="C202" s="1"/>
      <c r="D202" s="8"/>
      <c r="E202" s="8"/>
      <c r="F202" s="2"/>
    </row>
    <row r="203" spans="2:7" s="3" customFormat="1" ht="20.100000000000001" customHeight="1" x14ac:dyDescent="0.25">
      <c r="B203" s="30" t="s">
        <v>36</v>
      </c>
      <c r="C203" s="70"/>
      <c r="D203" s="31" t="s">
        <v>37</v>
      </c>
      <c r="E203" s="153"/>
      <c r="F203" s="153"/>
    </row>
    <row r="204" spans="2:7" s="3" customFormat="1" ht="20.100000000000001" customHeight="1" x14ac:dyDescent="0.25">
      <c r="B204" s="32"/>
      <c r="C204" s="32"/>
      <c r="D204" s="32"/>
      <c r="E204" s="33"/>
      <c r="F204" s="33"/>
    </row>
    <row r="205" spans="2:7" ht="20.100000000000001" customHeight="1" x14ac:dyDescent="0.2">
      <c r="B205" s="30" t="s">
        <v>38</v>
      </c>
      <c r="C205" s="70"/>
      <c r="D205" s="34" t="s">
        <v>39</v>
      </c>
      <c r="E205" s="154"/>
      <c r="F205" s="154"/>
    </row>
    <row r="206" spans="2:7" s="2" customFormat="1" ht="20.100000000000001" customHeight="1" x14ac:dyDescent="0.2">
      <c r="B206" s="1"/>
      <c r="C206" s="1"/>
      <c r="D206" s="34" t="s">
        <v>40</v>
      </c>
      <c r="E206" s="155"/>
      <c r="F206" s="155"/>
    </row>
    <row r="207" spans="2:7" s="2" customFormat="1" ht="20.100000000000001" customHeight="1" x14ac:dyDescent="0.2">
      <c r="B207" s="1"/>
      <c r="C207" s="1"/>
      <c r="D207" s="35" t="s">
        <v>41</v>
      </c>
      <c r="E207" s="1"/>
    </row>
    <row r="208" spans="2:7" s="2" customFormat="1" ht="37.5" customHeight="1" x14ac:dyDescent="0.25"/>
    <row r="209" spans="2:5" s="2" customFormat="1" ht="24" customHeight="1" x14ac:dyDescent="0.25"/>
    <row r="210" spans="2:5" s="2" customFormat="1" ht="24" customHeight="1" x14ac:dyDescent="0.25"/>
    <row r="211" spans="2:5" s="2" customFormat="1" ht="24" customHeight="1" x14ac:dyDescent="0.25"/>
    <row r="212" spans="2:5" s="2" customFormat="1" ht="20.100000000000001" customHeight="1" x14ac:dyDescent="0.25"/>
    <row r="213" spans="2:5" s="2" customFormat="1" ht="20.100000000000001" customHeight="1" x14ac:dyDescent="0.25"/>
    <row r="214" spans="2:5" s="2" customFormat="1" ht="50.1" customHeight="1" x14ac:dyDescent="0.25"/>
    <row r="215" spans="2:5" s="2" customFormat="1" ht="43.5" customHeight="1" x14ac:dyDescent="0.25"/>
    <row r="216" spans="2:5" ht="24.75" customHeight="1" x14ac:dyDescent="0.2">
      <c r="B216" s="2"/>
      <c r="C216" s="2"/>
      <c r="D216" s="2"/>
      <c r="E216" s="2"/>
    </row>
    <row r="217" spans="2:5" x14ac:dyDescent="0.2">
      <c r="B217" s="2"/>
      <c r="C217" s="2"/>
      <c r="D217" s="2"/>
      <c r="E217" s="2"/>
    </row>
    <row r="218" spans="2:5" ht="20.100000000000001" customHeight="1" x14ac:dyDescent="0.2"/>
    <row r="219" spans="2:5" ht="4.5" customHeight="1" x14ac:dyDescent="0.2"/>
    <row r="220" spans="2:5" ht="20.100000000000001" customHeight="1" x14ac:dyDescent="0.2"/>
    <row r="221" spans="2:5" ht="20.100000000000001" customHeight="1" x14ac:dyDescent="0.2"/>
    <row r="222" spans="2:5" ht="20.100000000000001" customHeight="1" x14ac:dyDescent="0.2"/>
  </sheetData>
  <mergeCells count="167">
    <mergeCell ref="E43:F43"/>
    <mergeCell ref="E44:F44"/>
    <mergeCell ref="E45:F45"/>
    <mergeCell ref="E46:F46"/>
    <mergeCell ref="E47:F47"/>
    <mergeCell ref="E48:F48"/>
    <mergeCell ref="E49:F49"/>
    <mergeCell ref="E50:F50"/>
    <mergeCell ref="E56:F56"/>
    <mergeCell ref="E55:F55"/>
    <mergeCell ref="E54:F54"/>
    <mergeCell ref="E53:F53"/>
    <mergeCell ref="E52:F52"/>
    <mergeCell ref="E98:F98"/>
    <mergeCell ref="E94:F94"/>
    <mergeCell ref="E93:F93"/>
    <mergeCell ref="E145:F145"/>
    <mergeCell ref="E146:F146"/>
    <mergeCell ref="E147:F147"/>
    <mergeCell ref="E148:F148"/>
    <mergeCell ref="E149:F149"/>
    <mergeCell ref="E51:F51"/>
    <mergeCell ref="E61:F61"/>
    <mergeCell ref="E60:F60"/>
    <mergeCell ref="E59:F59"/>
    <mergeCell ref="E58:F58"/>
    <mergeCell ref="E74:F74"/>
    <mergeCell ref="E73:F73"/>
    <mergeCell ref="E72:F72"/>
    <mergeCell ref="E82:F82"/>
    <mergeCell ref="E81:F81"/>
    <mergeCell ref="E78:F78"/>
    <mergeCell ref="E77:F77"/>
    <mergeCell ref="E97:F97"/>
    <mergeCell ref="E92:F92"/>
    <mergeCell ref="E126:F126"/>
    <mergeCell ref="E125:F125"/>
    <mergeCell ref="E124:F124"/>
    <mergeCell ref="E115:F115"/>
    <mergeCell ref="E106:F106"/>
    <mergeCell ref="E105:F105"/>
    <mergeCell ref="E104:F104"/>
    <mergeCell ref="E103:F103"/>
    <mergeCell ref="E102:F102"/>
    <mergeCell ref="E110:F110"/>
    <mergeCell ref="E114:F114"/>
    <mergeCell ref="E113:F113"/>
    <mergeCell ref="E112:F112"/>
    <mergeCell ref="E111:F111"/>
    <mergeCell ref="E119:F119"/>
    <mergeCell ref="E120:F120"/>
    <mergeCell ref="E118:F118"/>
    <mergeCell ref="E117:F117"/>
    <mergeCell ref="E116:F116"/>
    <mergeCell ref="E109:F109"/>
    <mergeCell ref="B22:F22"/>
    <mergeCell ref="C27:D27"/>
    <mergeCell ref="B31:C31"/>
    <mergeCell ref="E40:F40"/>
    <mergeCell ref="B35:F35"/>
    <mergeCell ref="B37:C38"/>
    <mergeCell ref="E88:F88"/>
    <mergeCell ref="E86:F86"/>
    <mergeCell ref="E85:F85"/>
    <mergeCell ref="E84:F84"/>
    <mergeCell ref="E83:F83"/>
    <mergeCell ref="E66:F66"/>
    <mergeCell ref="E65:F65"/>
    <mergeCell ref="E64:F64"/>
    <mergeCell ref="E63:F63"/>
    <mergeCell ref="E62:F62"/>
    <mergeCell ref="E71:F71"/>
    <mergeCell ref="E70:F70"/>
    <mergeCell ref="E69:F69"/>
    <mergeCell ref="E68:F68"/>
    <mergeCell ref="E67:F67"/>
    <mergeCell ref="E57:F57"/>
    <mergeCell ref="E76:F76"/>
    <mergeCell ref="E75:F75"/>
    <mergeCell ref="B187:C188"/>
    <mergeCell ref="D187:F187"/>
    <mergeCell ref="E188:F188"/>
    <mergeCell ref="E203:F203"/>
    <mergeCell ref="E205:F205"/>
    <mergeCell ref="E206:F206"/>
    <mergeCell ref="B200:F200"/>
    <mergeCell ref="B191:F191"/>
    <mergeCell ref="C192:F192"/>
    <mergeCell ref="B193:E193"/>
    <mergeCell ref="B199:F199"/>
    <mergeCell ref="C194:D194"/>
    <mergeCell ref="C195:D195"/>
    <mergeCell ref="C196:D196"/>
    <mergeCell ref="C197:D197"/>
    <mergeCell ref="E189:F189"/>
    <mergeCell ref="B185:F185"/>
    <mergeCell ref="B2:F2"/>
    <mergeCell ref="B1:F1"/>
    <mergeCell ref="B23:C23"/>
    <mergeCell ref="B26:C26"/>
    <mergeCell ref="B21:F21"/>
    <mergeCell ref="B16:D16"/>
    <mergeCell ref="B17:D17"/>
    <mergeCell ref="B18:F18"/>
    <mergeCell ref="B3:F3"/>
    <mergeCell ref="B7:F7"/>
    <mergeCell ref="B8:F8"/>
    <mergeCell ref="B11:F11"/>
    <mergeCell ref="B12:D12"/>
    <mergeCell ref="B9:D9"/>
    <mergeCell ref="B13:D13"/>
    <mergeCell ref="E161:F161"/>
    <mergeCell ref="E162:F162"/>
    <mergeCell ref="B19:F19"/>
    <mergeCell ref="E156:F156"/>
    <mergeCell ref="E157:F157"/>
    <mergeCell ref="E158:F158"/>
    <mergeCell ref="E160:F160"/>
    <mergeCell ref="B151:F151"/>
    <mergeCell ref="E163:F163"/>
    <mergeCell ref="E155:F155"/>
    <mergeCell ref="E159:F159"/>
    <mergeCell ref="E9:F9"/>
    <mergeCell ref="E41:F41"/>
    <mergeCell ref="E42:F42"/>
    <mergeCell ref="E134:F134"/>
    <mergeCell ref="E133:F133"/>
    <mergeCell ref="E132:F132"/>
    <mergeCell ref="E131:F131"/>
    <mergeCell ref="E130:F130"/>
    <mergeCell ref="E129:F129"/>
    <mergeCell ref="E128:F128"/>
    <mergeCell ref="E127:F127"/>
    <mergeCell ref="E123:F123"/>
    <mergeCell ref="E122:F122"/>
    <mergeCell ref="E121:F121"/>
    <mergeCell ref="E136:F136"/>
    <mergeCell ref="E139:F139"/>
    <mergeCell ref="E140:F140"/>
    <mergeCell ref="E141:F141"/>
    <mergeCell ref="E142:F142"/>
    <mergeCell ref="E143:F143"/>
    <mergeCell ref="E96:F96"/>
    <mergeCell ref="B20:D20"/>
    <mergeCell ref="D153:F153"/>
    <mergeCell ref="E154:F154"/>
    <mergeCell ref="B39:F39"/>
    <mergeCell ref="B135:C135"/>
    <mergeCell ref="E135:F135"/>
    <mergeCell ref="E144:F144"/>
    <mergeCell ref="E87:F87"/>
    <mergeCell ref="B87:C87"/>
    <mergeCell ref="E79:F79"/>
    <mergeCell ref="B153:C154"/>
    <mergeCell ref="C28:D28"/>
    <mergeCell ref="C29:D29"/>
    <mergeCell ref="E95:F95"/>
    <mergeCell ref="E101:F101"/>
    <mergeCell ref="E100:F100"/>
    <mergeCell ref="E99:F99"/>
    <mergeCell ref="E108:F108"/>
    <mergeCell ref="E107:F107"/>
    <mergeCell ref="D37:F37"/>
    <mergeCell ref="E38:F38"/>
    <mergeCell ref="E90:F90"/>
    <mergeCell ref="E91:F91"/>
    <mergeCell ref="E89:F89"/>
  </mergeCells>
  <conditionalFormatting sqref="D155:D162 D189 D164:D183">
    <cfRule type="containsBlanks" dxfId="11" priority="123">
      <formula>LEN(TRIM(D155))=0</formula>
    </cfRule>
  </conditionalFormatting>
  <conditionalFormatting sqref="E205:F205">
    <cfRule type="containsBlanks" dxfId="10" priority="122">
      <formula>LEN(TRIM(E205))=0</formula>
    </cfRule>
  </conditionalFormatting>
  <conditionalFormatting sqref="C203">
    <cfRule type="containsBlanks" dxfId="9" priority="120">
      <formula>LEN(TRIM(C203))=0</formula>
    </cfRule>
  </conditionalFormatting>
  <conditionalFormatting sqref="E206:F206">
    <cfRule type="containsBlanks" dxfId="8" priority="121">
      <formula>LEN(TRIM(E206))=0</formula>
    </cfRule>
  </conditionalFormatting>
  <conditionalFormatting sqref="C205">
    <cfRule type="containsBlanks" dxfId="7" priority="119">
      <formula>LEN(TRIM(C205))=0</formula>
    </cfRule>
  </conditionalFormatting>
  <conditionalFormatting sqref="C4:C5">
    <cfRule type="containsBlanks" dxfId="6" priority="118">
      <formula>LEN(TRIM(C4))=0</formula>
    </cfRule>
  </conditionalFormatting>
  <conditionalFormatting sqref="C196:D196">
    <cfRule type="containsBlanks" dxfId="5" priority="108">
      <formula>LEN(TRIM(C196))=0</formula>
    </cfRule>
  </conditionalFormatting>
  <conditionalFormatting sqref="C195:D195">
    <cfRule type="containsBlanks" dxfId="4" priority="59">
      <formula>LEN(TRIM(C195))=0</formula>
    </cfRule>
  </conditionalFormatting>
  <conditionalFormatting sqref="C194:D194">
    <cfRule type="containsBlanks" dxfId="3" priority="58">
      <formula>LEN(TRIM(C194))=0</formula>
    </cfRule>
  </conditionalFormatting>
  <conditionalFormatting sqref="C197:D197">
    <cfRule type="containsBlanks" dxfId="2" priority="57">
      <formula>LEN(TRIM(C197))=0</formula>
    </cfRule>
  </conditionalFormatting>
  <conditionalFormatting sqref="D163">
    <cfRule type="containsBlanks" dxfId="1" priority="5">
      <formula>LEN(TRIM(D163))=0</formula>
    </cfRule>
  </conditionalFormatting>
  <conditionalFormatting sqref="D40:D86 D88:D134 D136:D143 D145:D149">
    <cfRule type="containsBlanks" dxfId="0" priority="3">
      <formula>LEN(TRIM(D40))=0</formula>
    </cfRule>
  </conditionalFormatting>
  <printOptions horizontalCentered="1"/>
  <pageMargins left="0.70866141732283472" right="0.70866141732283472" top="0.9055118110236221" bottom="0.74803149606299213" header="0.31496062992125984" footer="0.31496062992125984"/>
  <pageSetup paperSize="9" scale="65" fitToHeight="0" orientation="portrait" r:id="rId1"/>
  <headerFooter>
    <oddHeader>&amp;C&amp;"Arial,Normálne"&amp;16CENOVÁ PONUKA&amp;14
pre účel
prípravnej trhovej konzultácia a predbežného zapojenia záujemcov alebo uchádzačov (ďalej aj "PTK")</oddHeader>
    <oddFooter>&amp;CStrana &amp;P z &amp;N</oddFooter>
  </headerFooter>
  <rowBreaks count="5" manualBreakCount="5">
    <brk id="51" min="1" max="5" man="1"/>
    <brk id="99" min="1" max="5" man="1"/>
    <brk id="139" min="1" max="5" man="1"/>
    <brk id="169" min="1" max="5" man="1"/>
    <brk id="181" min="1" max="5" man="1"/>
  </rowBreaks>
  <ignoredErrors>
    <ignoredError sqref="B101:B105" twoDigitTextYear="1"/>
  </ignoredErrors>
  <drawing r:id="rId2"/>
  <legacyDrawing r:id="rId3"/>
  <mc:AlternateContent xmlns:mc="http://schemas.openxmlformats.org/markup-compatibility/2006">
    <mc:Choice Requires="x14">
      <controls>
        <mc:AlternateContent xmlns:mc="http://schemas.openxmlformats.org/markup-compatibility/2006">
          <mc:Choice Requires="x14">
            <control shapeId="8195" r:id="rId4" name="Check Box 3">
              <controlPr defaultSize="0" autoFill="0" autoLine="0" autoPict="0">
                <anchor moveWithCells="1">
                  <from>
                    <xdr:col>1</xdr:col>
                    <xdr:colOff>628650</xdr:colOff>
                    <xdr:row>23</xdr:row>
                    <xdr:rowOff>0</xdr:rowOff>
                  </from>
                  <to>
                    <xdr:col>1</xdr:col>
                    <xdr:colOff>885825</xdr:colOff>
                    <xdr:row>23</xdr:row>
                    <xdr:rowOff>219075</xdr:rowOff>
                  </to>
                </anchor>
              </controlPr>
            </control>
          </mc:Choice>
        </mc:AlternateContent>
        <mc:AlternateContent xmlns:mc="http://schemas.openxmlformats.org/markup-compatibility/2006">
          <mc:Choice Requires="x14">
            <control shapeId="8196" r:id="rId5" name="Check Box 4">
              <controlPr defaultSize="0" autoFill="0" autoLine="0" autoPict="0">
                <anchor moveWithCells="1">
                  <from>
                    <xdr:col>1</xdr:col>
                    <xdr:colOff>628650</xdr:colOff>
                    <xdr:row>24</xdr:row>
                    <xdr:rowOff>9525</xdr:rowOff>
                  </from>
                  <to>
                    <xdr:col>1</xdr:col>
                    <xdr:colOff>885825</xdr:colOff>
                    <xdr:row>24</xdr:row>
                    <xdr:rowOff>228600</xdr:rowOff>
                  </to>
                </anchor>
              </controlPr>
            </control>
          </mc:Choice>
        </mc:AlternateContent>
        <mc:AlternateContent xmlns:mc="http://schemas.openxmlformats.org/markup-compatibility/2006">
          <mc:Choice Requires="x14">
            <control shapeId="8197" r:id="rId6" name="Check Box 5">
              <controlPr defaultSize="0" autoFill="0" autoLine="0" autoPict="0">
                <anchor moveWithCells="1">
                  <from>
                    <xdr:col>1</xdr:col>
                    <xdr:colOff>628650</xdr:colOff>
                    <xdr:row>31</xdr:row>
                    <xdr:rowOff>9525</xdr:rowOff>
                  </from>
                  <to>
                    <xdr:col>1</xdr:col>
                    <xdr:colOff>885825</xdr:colOff>
                    <xdr:row>31</xdr:row>
                    <xdr:rowOff>228600</xdr:rowOff>
                  </to>
                </anchor>
              </controlPr>
            </control>
          </mc:Choice>
        </mc:AlternateContent>
        <mc:AlternateContent xmlns:mc="http://schemas.openxmlformats.org/markup-compatibility/2006">
          <mc:Choice Requires="x14">
            <control shapeId="8198" r:id="rId7" name="Check Box 6">
              <controlPr defaultSize="0" autoFill="0" autoLine="0" autoPict="0">
                <anchor moveWithCells="1">
                  <from>
                    <xdr:col>1</xdr:col>
                    <xdr:colOff>628650</xdr:colOff>
                    <xdr:row>32</xdr:row>
                    <xdr:rowOff>0</xdr:rowOff>
                  </from>
                  <to>
                    <xdr:col>1</xdr:col>
                    <xdr:colOff>885825</xdr:colOff>
                    <xdr:row>32</xdr:row>
                    <xdr:rowOff>219075</xdr:rowOff>
                  </to>
                </anchor>
              </controlPr>
            </control>
          </mc:Choice>
        </mc:AlternateContent>
      </controls>
    </mc:Choice>
  </mc:AlternateContent>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Hárky</vt:lpstr>
      </vt:variant>
      <vt:variant>
        <vt:i4>1</vt:i4>
      </vt:variant>
      <vt:variant>
        <vt:lpstr>Pomenované rozsahy</vt:lpstr>
      </vt:variant>
      <vt:variant>
        <vt:i4>1</vt:i4>
      </vt:variant>
    </vt:vector>
  </HeadingPairs>
  <TitlesOfParts>
    <vt:vector size="2" baseType="lpstr">
      <vt:lpstr>Cenová ponuka</vt:lpstr>
      <vt:lpstr>'Cenová ponuka'!Oblasť_tlače</vt:lpstr>
    </vt:vector>
  </TitlesOfParts>
  <Company/>
  <LinksUpToDate>false</LinksUpToDate>
  <SharedDoc>false</SharedDoc>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Ing. Zuzana Bučeková</dc:creator>
  <cp:lastModifiedBy>Ing. Renáta Sobotková</cp:lastModifiedBy>
  <cp:lastPrinted>2022-02-08T09:23:18Z</cp:lastPrinted>
  <dcterms:created xsi:type="dcterms:W3CDTF">2017-04-21T05:51:15Z</dcterms:created>
  <dcterms:modified xsi:type="dcterms:W3CDTF">2022-02-08T09:24:21Z</dcterms:modified>
</cp:coreProperties>
</file>